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firstSlideNum="0" showSpecialPlsOnTitleSld="0" saveSubsetFonts="1">
  <p:sldMasterIdLst>
    <p:sldMasterId id="2147485011" r:id="rId14"/>
  </p:sldMasterIdLst>
  <p:notesMasterIdLst>
    <p:notesMasterId r:id="rId33"/>
  </p:notesMasterIdLst>
  <p:handoutMasterIdLst>
    <p:handoutMasterId r:id="rId34"/>
  </p:handoutMasterIdLst>
  <p:sldIdLst>
    <p:sldId id="256" r:id="rId15"/>
    <p:sldId id="260" r:id="rId16"/>
    <p:sldId id="259" r:id="rId17"/>
    <p:sldId id="261" r:id="rId18"/>
    <p:sldId id="263" r:id="rId19"/>
    <p:sldId id="264" r:id="rId20"/>
    <p:sldId id="265" r:id="rId21"/>
    <p:sldId id="277" r:id="rId22"/>
    <p:sldId id="266" r:id="rId23"/>
    <p:sldId id="278" r:id="rId24"/>
    <p:sldId id="267" r:id="rId25"/>
    <p:sldId id="269" r:id="rId26"/>
    <p:sldId id="268" r:id="rId27"/>
    <p:sldId id="270" r:id="rId28"/>
    <p:sldId id="272" r:id="rId29"/>
    <p:sldId id="271" r:id="rId30"/>
    <p:sldId id="273" r:id="rId31"/>
    <p:sldId id="275" r:id="rId32"/>
  </p:sldIdLst>
  <p:sldSz cx="12192000" cy="6858000"/>
  <p:notesSz cx="6888163" cy="10021888"/>
  <p:custDataLst>
    <p:tags r:id="rId35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pos="3840" userDrawn="1">
          <p15:clr>
            <a:srgbClr val="A4A3A4"/>
          </p15:clr>
        </p15:guide>
        <p15:guide id="3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157" userDrawn="1">
          <p15:clr>
            <a:srgbClr val="A4A3A4"/>
          </p15:clr>
        </p15:guide>
        <p15:guide id="2" pos="2170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prnWhat="notes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0"/>
      </p:ext>
    </p:extLst>
  </p:showPr>
  <p:clrMru>
    <a:srgbClr val="1A1A20"/>
    <a:srgbClr val="BC0031"/>
    <a:srgbClr val="BC1E31"/>
    <a:srgbClr val="ECECEE"/>
    <a:srgbClr val="FF8000"/>
    <a:srgbClr val="E4312C"/>
    <a:srgbClr val="0092B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C437D40-DC8B-497D-99FF-DD1EF39E5614}" v="69" dt="2023-01-24T10:31:11.680"/>
  </p1510:revLst>
</p1510:revInfo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96395" autoAdjust="0"/>
  </p:normalViewPr>
  <p:slideViewPr>
    <p:cSldViewPr showGuides="1">
      <p:cViewPr varScale="1">
        <p:scale>
          <a:sx n="80" d="100"/>
          <a:sy n="80" d="100"/>
        </p:scale>
        <p:origin x="782" y="48"/>
      </p:cViewPr>
      <p:guideLst>
        <p:guide pos="3840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50" d="100"/>
        <a:sy n="150" d="100"/>
      </p:scale>
      <p:origin x="0" y="-4900"/>
    </p:cViewPr>
  </p:sorterViewPr>
  <p:notesViewPr>
    <p:cSldViewPr showGuides="1">
      <p:cViewPr varScale="1">
        <p:scale>
          <a:sx n="65" d="100"/>
          <a:sy n="65" d="100"/>
        </p:scale>
        <p:origin x="3154" y="48"/>
      </p:cViewPr>
      <p:guideLst>
        <p:guide orient="horz" pos="3157"/>
        <p:guide pos="217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tableStyles" Target="tableStyles.xml"/><Relationship Id="rId21" Type="http://schemas.openxmlformats.org/officeDocument/2006/relationships/slide" Target="slides/slide7.xml"/><Relationship Id="rId34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notesMaster" Target="notesMasters/notesMaster1.xml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slide" Target="slides/slide6.xml"/><Relationship Id="rId29" Type="http://schemas.openxmlformats.org/officeDocument/2006/relationships/slide" Target="slides/slide1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slide" Target="slides/slide18.xml"/><Relationship Id="rId37" Type="http://schemas.openxmlformats.org/officeDocument/2006/relationships/viewProps" Target="viewProps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31" Type="http://schemas.openxmlformats.org/officeDocument/2006/relationships/slide" Target="slides/slide1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tags" Target="tags/tag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2984870" cy="501094"/>
          </a:xfrm>
          <a:prstGeom prst="rect">
            <a:avLst/>
          </a:prstGeom>
        </p:spPr>
        <p:txBody>
          <a:bodyPr vert="horz" lIns="96634" tIns="48317" rIns="96634" bIns="48317" rtlCol="0"/>
          <a:lstStyle>
            <a:lvl1pPr algn="l">
              <a:defRPr sz="13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901698" y="1"/>
            <a:ext cx="2984870" cy="501094"/>
          </a:xfrm>
          <a:prstGeom prst="rect">
            <a:avLst/>
          </a:prstGeom>
        </p:spPr>
        <p:txBody>
          <a:bodyPr vert="horz" lIns="96634" tIns="48317" rIns="96634" bIns="48317" rtlCol="0"/>
          <a:lstStyle>
            <a:lvl1pPr algn="r">
              <a:defRPr sz="1300"/>
            </a:lvl1pPr>
          </a:lstStyle>
          <a:p>
            <a:fld id="{69B3FC99-108D-4695-8AF1-2D7D2FAECB94}" type="datetimeFigureOut">
              <a:rPr lang="en-US" smtClean="0"/>
              <a:pPr/>
              <a:t>11/6/2024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9519054"/>
            <a:ext cx="2984870" cy="501094"/>
          </a:xfrm>
          <a:prstGeom prst="rect">
            <a:avLst/>
          </a:prstGeom>
        </p:spPr>
        <p:txBody>
          <a:bodyPr vert="horz" lIns="96634" tIns="48317" rIns="96634" bIns="48317" rtlCol="0" anchor="b"/>
          <a:lstStyle>
            <a:lvl1pPr algn="l">
              <a:defRPr sz="1300"/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901698" y="9519054"/>
            <a:ext cx="2984870" cy="501094"/>
          </a:xfrm>
          <a:prstGeom prst="rect">
            <a:avLst/>
          </a:prstGeom>
        </p:spPr>
        <p:txBody>
          <a:bodyPr vert="horz" lIns="96634" tIns="48317" rIns="96634" bIns="48317" rtlCol="0" anchor="b"/>
          <a:lstStyle>
            <a:lvl1pPr algn="r">
              <a:defRPr sz="1300"/>
            </a:lvl1pPr>
          </a:lstStyle>
          <a:p>
            <a:fld id="{5F23632F-4A90-4A2D-9731-9ADAF86519FB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7967879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2984870" cy="501094"/>
          </a:xfrm>
          <a:prstGeom prst="rect">
            <a:avLst/>
          </a:prstGeom>
        </p:spPr>
        <p:txBody>
          <a:bodyPr vert="horz" lIns="96634" tIns="48317" rIns="96634" bIns="48317" rtlCol="0"/>
          <a:lstStyle>
            <a:lvl1pPr algn="l">
              <a:defRPr sz="13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901698" y="1"/>
            <a:ext cx="2984870" cy="501094"/>
          </a:xfrm>
          <a:prstGeom prst="rect">
            <a:avLst/>
          </a:prstGeom>
        </p:spPr>
        <p:txBody>
          <a:bodyPr vert="horz" lIns="96634" tIns="48317" rIns="96634" bIns="48317" rtlCol="0"/>
          <a:lstStyle>
            <a:lvl1pPr algn="r">
              <a:defRPr sz="1300"/>
            </a:lvl1pPr>
          </a:lstStyle>
          <a:p>
            <a:fld id="{556A9597-787D-4A4E-A08C-2F4F459F2753}" type="datetimeFigureOut">
              <a:rPr lang="en-US" smtClean="0"/>
              <a:pPr/>
              <a:t>11/6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03188" y="750888"/>
            <a:ext cx="6681787" cy="37592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6634" tIns="48317" rIns="96634" bIns="48317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8817" y="4760398"/>
            <a:ext cx="5510530" cy="4509850"/>
          </a:xfrm>
          <a:prstGeom prst="rect">
            <a:avLst/>
          </a:prstGeom>
        </p:spPr>
        <p:txBody>
          <a:bodyPr vert="horz" lIns="96634" tIns="48317" rIns="96634" bIns="48317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19054"/>
            <a:ext cx="2984870" cy="501094"/>
          </a:xfrm>
          <a:prstGeom prst="rect">
            <a:avLst/>
          </a:prstGeom>
        </p:spPr>
        <p:txBody>
          <a:bodyPr vert="horz" lIns="96634" tIns="48317" rIns="96634" bIns="48317" rtlCol="0" anchor="b"/>
          <a:lstStyle>
            <a:lvl1pPr algn="l">
              <a:defRPr sz="1300"/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901698" y="9519054"/>
            <a:ext cx="2984870" cy="501094"/>
          </a:xfrm>
          <a:prstGeom prst="rect">
            <a:avLst/>
          </a:prstGeom>
        </p:spPr>
        <p:txBody>
          <a:bodyPr vert="horz" lIns="96634" tIns="48317" rIns="96634" bIns="48317" rtlCol="0" anchor="b"/>
          <a:lstStyle>
            <a:lvl1pPr algn="r">
              <a:defRPr sz="1300"/>
            </a:lvl1pPr>
          </a:lstStyle>
          <a:p>
            <a:fld id="{3667915E-8BAF-4DB5-8BE1-35DD7C1B4FF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4584465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1pPr>
    <a:lvl2pPr marL="536433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2pPr>
    <a:lvl3pPr marL="1072866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3pPr>
    <a:lvl4pPr marL="1609298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4pPr>
    <a:lvl5pPr marL="2145731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5pPr>
    <a:lvl6pPr marL="2682164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6pPr>
    <a:lvl7pPr marL="3218597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7pPr>
    <a:lvl8pPr marL="3755029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8pPr>
    <a:lvl9pPr marL="4291462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7224529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1749593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279460142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924107690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381797879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509422231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133647604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105306349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082846841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64438021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24107497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92063085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30650617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91417785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26598197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99874929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63402070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49479502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10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60901181" name="image" descr="{&quot;templafy&quot;:{&quot;id&quot;:&quot;e1fa598a-1152-4076-8f92-8d39efba167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3600" y="0"/>
            <a:ext cx="6098400" cy="6858000"/>
          </a:xfrm>
          <a:prstGeom prst="rect">
            <a:avLst/>
          </a:prstGeom>
        </p:spPr>
      </p:pic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520D471B-58FB-45FD-83A6-4F574194709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4800" y="1911600"/>
            <a:ext cx="5047200" cy="2916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 anchor="ctr">
            <a:noAutofit/>
          </a:bodyPr>
          <a:lstStyle>
            <a:lvl1pPr marL="0" indent="0" algn="l" defTabSz="457200" rtl="0" eaLnBrk="1" latinLnBrk="0" hangingPunct="1">
              <a:spcBef>
                <a:spcPts val="1000"/>
              </a:spcBef>
              <a:buNone/>
              <a:defRPr lang="en-GB" sz="2200" kern="1200" dirty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ijdelijke aanduiding voor afbeelding 4">
            <a:extLst>
              <a:ext uri="{FF2B5EF4-FFF2-40B4-BE49-F238E27FC236}">
                <a16:creationId xmlns:a16="http://schemas.microsoft.com/office/drawing/2014/main" id="{2BCD3327-31B0-2A4F-57D0-CBE765E77C4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3600" y="0"/>
            <a:ext cx="6098400" cy="6858000"/>
          </a:xfrm>
        </p:spPr>
        <p:txBody>
          <a:bodyPr anchor="ctr"/>
          <a:lstStyle>
            <a:lvl1pPr marL="0" indent="0" algn="ctr">
              <a:buFontTx/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dirty="0"/>
              <a:t>Klik hier en selecteer een afbeelding uit de Templafy bibliotheek</a:t>
            </a:r>
            <a:endParaRPr lang="nl-NL"/>
          </a:p>
        </p:txBody>
      </p:sp>
      <p:sp>
        <p:nvSpPr>
          <p:cNvPr id="13" name="Tijdelijke aanduiding voor tekst 3">
            <a:extLst>
              <a:ext uri="{FF2B5EF4-FFF2-40B4-BE49-F238E27FC236}">
                <a16:creationId xmlns:a16="http://schemas.microsoft.com/office/drawing/2014/main" id="{4AF384DE-BCF0-49BB-984F-2CB036A832D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4800" y="2365200"/>
            <a:ext cx="5047200" cy="18252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>
            <a:normAutofit/>
          </a:bodyPr>
          <a:lstStyle>
            <a:lvl1pPr marL="0" indent="0">
              <a:buNone/>
              <a:defRPr lang="en-GB" sz="4400" b="1" kern="1200" dirty="0">
                <a:solidFill>
                  <a:schemeClr val="tx1"/>
                </a:solidFill>
                <a:latin typeface="+mj-lt"/>
                <a:ea typeface="+mn-ea"/>
                <a:cs typeface="+mj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grpSp>
        <p:nvGrpSpPr>
          <p:cNvPr id="12" name="INSTRUCTIE">
            <a:extLst>
              <a:ext uri="{FF2B5EF4-FFF2-40B4-BE49-F238E27FC236}">
                <a16:creationId xmlns:a16="http://schemas.microsoft.com/office/drawing/2014/main" id="{7306AD9F-781E-6647-A20B-F949237D4DD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4" name="Rechthoek 13">
              <a:extLst>
                <a:ext uri="{FF2B5EF4-FFF2-40B4-BE49-F238E27FC236}">
                  <a16:creationId xmlns:a16="http://schemas.microsoft.com/office/drawing/2014/main" id="{334D32F5-677E-6B4B-987F-58A1A60C3E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5" name="Ovaal 14">
              <a:extLst>
                <a:ext uri="{FF2B5EF4-FFF2-40B4-BE49-F238E27FC236}">
                  <a16:creationId xmlns:a16="http://schemas.microsoft.com/office/drawing/2014/main" id="{59638A51-A06B-664E-C2E6-9C21A3E96883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6" name="Rechthoek 15">
              <a:extLst>
                <a:ext uri="{FF2B5EF4-FFF2-40B4-BE49-F238E27FC236}">
                  <a16:creationId xmlns:a16="http://schemas.microsoft.com/office/drawing/2014/main" id="{BD8010C4-DC3F-6C4E-339B-8ACF43F1727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7" name="Ovaal 16">
              <a:extLst>
                <a:ext uri="{FF2B5EF4-FFF2-40B4-BE49-F238E27FC236}">
                  <a16:creationId xmlns:a16="http://schemas.microsoft.com/office/drawing/2014/main" id="{C1B10528-795F-5B12-4B40-47350E302749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" name="Rechthoek 17">
              <a:extLst>
                <a:ext uri="{FF2B5EF4-FFF2-40B4-BE49-F238E27FC236}">
                  <a16:creationId xmlns:a16="http://schemas.microsoft.com/office/drawing/2014/main" id="{33982106-8FB5-DC59-D4FA-C29882436A7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9" name="Rechthoek 18">
              <a:extLst>
                <a:ext uri="{FF2B5EF4-FFF2-40B4-BE49-F238E27FC236}">
                  <a16:creationId xmlns:a16="http://schemas.microsoft.com/office/drawing/2014/main" id="{AB4EE81B-DAC7-3004-9689-407679A4A7D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0" name="Ovaal 19">
              <a:extLst>
                <a:ext uri="{FF2B5EF4-FFF2-40B4-BE49-F238E27FC236}">
                  <a16:creationId xmlns:a16="http://schemas.microsoft.com/office/drawing/2014/main" id="{DD6A3E3A-48D9-5C4B-92F9-E9604894BF2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1" name="Rechthoek 20">
              <a:extLst>
                <a:ext uri="{FF2B5EF4-FFF2-40B4-BE49-F238E27FC236}">
                  <a16:creationId xmlns:a16="http://schemas.microsoft.com/office/drawing/2014/main" id="{8CD733CE-D46A-F12E-1176-892012DB26A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2" name="Ovaal 21">
              <a:extLst>
                <a:ext uri="{FF2B5EF4-FFF2-40B4-BE49-F238E27FC236}">
                  <a16:creationId xmlns:a16="http://schemas.microsoft.com/office/drawing/2014/main" id="{9BC8289E-8283-EEEF-13E3-B3CF6DA7F57F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3" name="Rechthoek 22">
              <a:extLst>
                <a:ext uri="{FF2B5EF4-FFF2-40B4-BE49-F238E27FC236}">
                  <a16:creationId xmlns:a16="http://schemas.microsoft.com/office/drawing/2014/main" id="{63CCAF5F-DDE7-60F7-D061-962DF8871344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4" name="Ovaal 23">
              <a:extLst>
                <a:ext uri="{FF2B5EF4-FFF2-40B4-BE49-F238E27FC236}">
                  <a16:creationId xmlns:a16="http://schemas.microsoft.com/office/drawing/2014/main" id="{189AC16E-962E-5115-0B19-BC7234A590E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C3C0F144-8A34-7B84-432B-3B5E7E36193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83375294-D4BF-7522-53E2-95127BEEA1E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9A6FF09E-C921-1814-E68F-2BD67577E155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14EFB700-F605-2165-29E0-C5B20408D10E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6F7C4A23-7577-DDB3-C310-4AF955EEE91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F7653D08-9081-57F6-9494-D7D27F52F301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711D4445-F63E-7C46-1994-2FFCCCCE921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432D47F8-EB91-D169-4239-3043C8CE8B9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F0ACFEAB-6966-32C6-0EF2-0488B43D49F9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BF59141D-8D90-7B40-7E67-C7E1360D162B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8BF78C69-1B3A-45DB-2D2C-CE64BDF4AEBF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5D884FC0-B1CB-21C2-255B-88EFE8E782CB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1F7636F9-B7D7-055C-A4B8-9236EF3F0D0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7" name="VOORBEELD">
              <a:extLst>
                <a:ext uri="{FF2B5EF4-FFF2-40B4-BE49-F238E27FC236}">
                  <a16:creationId xmlns:a16="http://schemas.microsoft.com/office/drawing/2014/main" id="{477A62A8-47F7-277E-7EE1-9670F56F80A2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65F77BF9-AF10-AD35-BEAF-E3B96971054D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2E00C17E-CB9B-49B6-2953-789646C2F15B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30938F86-4980-B4A6-61AF-B94C87D9C4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25005E1-A6FC-8C6F-498C-7B92E80AB5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7DEAAED6-E72F-5826-E4EE-1F88D036B2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B9171584-AA6A-43E4-4A08-08C95304F3E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34A8B328-B3C9-3BB0-AF7A-829E4DB332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F5C9E5EE-E37D-0E63-1A35-5FA62C337C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5E75EB2F-33C9-CCCA-FED7-2400A6AA186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27EE81D2-9836-9E17-CD50-3A59B59B6D5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C8F76934-C16D-9FB8-4EEF-288052CC9899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28F54B41-6765-0B9B-4269-B7D7CC77AF6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7A3380C3-923E-EB3C-1057-C228CE9B61B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DB15B7A0-832C-1AF7-D392-BF665C823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1222BC55-2375-D1D0-DCF1-5986BB2B88A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75760F63-FD08-A950-FEC6-5D612EAB83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F6713D62-D76E-16D7-DC0C-82D4DD4F1C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55D1ED80-9A7E-E050-CE17-8F123D4E0A6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97CA5898-40F3-8E74-D8EA-0A9A913BF79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9E2C0B89-7B77-1F11-E383-6A330BB44F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018725F0-C99A-575F-2366-F990BEA0145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9347695D-FF86-8B18-37E5-9E39E1AB618E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A33F94AB-4529-E194-EB44-0BAE44667284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DC594AEC-85F7-4CF3-BE07-2D24142B069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5D0E7902-75D1-5D4B-AD41-0392C538CAF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C8E66D9F-206E-43B7-1267-014499029F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B89EED99-69ED-8DB7-7BE6-B67199C7EF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B7067EBA-5CF1-19CA-16C0-5137DCD0FE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EE8192B2-CFA7-CAA8-BA63-4D9183288F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454A22F3-87A2-6524-AABD-B892DEF35B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DC163AA6-F0EC-13A7-88D3-598359CAF23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A851CAA4-AF5A-F68A-B497-619823994BD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A3C339B0-B98F-D6F8-F3FA-805DF97601E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80BFF4F6-E534-6385-BF85-0648CD38E44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A5CA76B2-C1B1-A30A-0955-A6CAFFD6CD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41DA1B93-E480-1311-75B6-2C07B1273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539C4A8A-08B0-9B83-DB2F-305DDB1C80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96C9BFB-7239-BEB5-8652-AD0FA99DBA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EF210C5F-C1B1-94BE-622A-3999A3F09A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451C358A-6B30-8EFF-7E46-CC99979419D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ECA04626-F70E-B29B-6DC8-F491535C42A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84972540-D446-8BBF-F48B-A1BDB9B3B1D1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7B90AA6D-885C-4E07-EFED-804061694A2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5" name="Ovaal 84">
              <a:extLst>
                <a:ext uri="{FF2B5EF4-FFF2-40B4-BE49-F238E27FC236}">
                  <a16:creationId xmlns:a16="http://schemas.microsoft.com/office/drawing/2014/main" id="{AD273331-6A60-3C17-2ED0-C335855D080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6" name="Rechthoek 85">
              <a:extLst>
                <a:ext uri="{FF2B5EF4-FFF2-40B4-BE49-F238E27FC236}">
                  <a16:creationId xmlns:a16="http://schemas.microsoft.com/office/drawing/2014/main" id="{205D563B-1728-6B62-587A-968C0B23C96B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7" name="Groep 86">
              <a:extLst>
                <a:ext uri="{FF2B5EF4-FFF2-40B4-BE49-F238E27FC236}">
                  <a16:creationId xmlns:a16="http://schemas.microsoft.com/office/drawing/2014/main" id="{3A7618CE-F857-BF39-442B-086984E013E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16" name="Rechthoek 115">
                <a:extLst>
                  <a:ext uri="{FF2B5EF4-FFF2-40B4-BE49-F238E27FC236}">
                    <a16:creationId xmlns:a16="http://schemas.microsoft.com/office/drawing/2014/main" id="{2BA42845-BC46-B020-063A-8BC9447A1F2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7" name="Ovaal 116">
                <a:extLst>
                  <a:ext uri="{FF2B5EF4-FFF2-40B4-BE49-F238E27FC236}">
                    <a16:creationId xmlns:a16="http://schemas.microsoft.com/office/drawing/2014/main" id="{277456AF-3F44-FC8F-EB9B-E042286D9B7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8" name="Vrije vorm: vorm 117">
                <a:extLst>
                  <a:ext uri="{FF2B5EF4-FFF2-40B4-BE49-F238E27FC236}">
                    <a16:creationId xmlns:a16="http://schemas.microsoft.com/office/drawing/2014/main" id="{59F02F30-3E7C-E584-6475-8F55B46A8CF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9" name="Rechthoek: afgeronde hoeken 118">
                <a:extLst>
                  <a:ext uri="{FF2B5EF4-FFF2-40B4-BE49-F238E27FC236}">
                    <a16:creationId xmlns:a16="http://schemas.microsoft.com/office/drawing/2014/main" id="{706F0926-3A90-A0F5-B108-A4FCEF1392C8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20" name="Rechte verbindingslijn 119">
                <a:extLst>
                  <a:ext uri="{FF2B5EF4-FFF2-40B4-BE49-F238E27FC236}">
                    <a16:creationId xmlns:a16="http://schemas.microsoft.com/office/drawing/2014/main" id="{66458254-98B4-B74C-E608-1E4EFB4469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21" name="Rechte verbindingslijn 120">
                <a:extLst>
                  <a:ext uri="{FF2B5EF4-FFF2-40B4-BE49-F238E27FC236}">
                    <a16:creationId xmlns:a16="http://schemas.microsoft.com/office/drawing/2014/main" id="{F5D61A8E-65D7-51A2-6DDC-943FC226E40C}"/>
                  </a:ext>
                </a:extLst>
              </p:cNvPr>
              <p:cNvCxnSpPr>
                <a:cxnSpLocks/>
                <a:stCxn id="119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8" name="Ovaal 87">
              <a:extLst>
                <a:ext uri="{FF2B5EF4-FFF2-40B4-BE49-F238E27FC236}">
                  <a16:creationId xmlns:a16="http://schemas.microsoft.com/office/drawing/2014/main" id="{C6609867-7E03-D873-975B-B56E36B7AD7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89" name="Rechthoek 88">
              <a:extLst>
                <a:ext uri="{FF2B5EF4-FFF2-40B4-BE49-F238E27FC236}">
                  <a16:creationId xmlns:a16="http://schemas.microsoft.com/office/drawing/2014/main" id="{0858CD84-3E7F-677D-39B4-2C2996D88EC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90" name="Groep 89">
              <a:extLst>
                <a:ext uri="{FF2B5EF4-FFF2-40B4-BE49-F238E27FC236}">
                  <a16:creationId xmlns:a16="http://schemas.microsoft.com/office/drawing/2014/main" id="{CAC1D165-2E9D-DAAA-A8CD-484D8122376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13" name="Rechthoek 112">
                <a:extLst>
                  <a:ext uri="{FF2B5EF4-FFF2-40B4-BE49-F238E27FC236}">
                    <a16:creationId xmlns:a16="http://schemas.microsoft.com/office/drawing/2014/main" id="{DB8F1423-B49B-129E-1AED-4E548C6CB0D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14" name="Rechte verbindingslijn 113">
                <a:extLst>
                  <a:ext uri="{FF2B5EF4-FFF2-40B4-BE49-F238E27FC236}">
                    <a16:creationId xmlns:a16="http://schemas.microsoft.com/office/drawing/2014/main" id="{8E93AB10-F638-8730-775B-00A6F8AFC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15" name="Gelijkbenige driehoek 114">
                <a:extLst>
                  <a:ext uri="{FF2B5EF4-FFF2-40B4-BE49-F238E27FC236}">
                    <a16:creationId xmlns:a16="http://schemas.microsoft.com/office/drawing/2014/main" id="{8F8E1AC8-C4A7-7E5D-1F13-2C8727D62E67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91" name="Ovaal 90">
              <a:extLst>
                <a:ext uri="{FF2B5EF4-FFF2-40B4-BE49-F238E27FC236}">
                  <a16:creationId xmlns:a16="http://schemas.microsoft.com/office/drawing/2014/main" id="{57CCDA7E-2BA8-A284-A1D2-02107B2749B2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92" name="Rechthoek 91">
              <a:extLst>
                <a:ext uri="{FF2B5EF4-FFF2-40B4-BE49-F238E27FC236}">
                  <a16:creationId xmlns:a16="http://schemas.microsoft.com/office/drawing/2014/main" id="{C7A8CD2F-CE25-C460-1AEF-EACD08FD087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93" name="Groep 92">
              <a:extLst>
                <a:ext uri="{FF2B5EF4-FFF2-40B4-BE49-F238E27FC236}">
                  <a16:creationId xmlns:a16="http://schemas.microsoft.com/office/drawing/2014/main" id="{88BFB48D-57CE-4F93-AB99-128981D9597E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97" name="Groep 96">
                <a:extLst>
                  <a:ext uri="{FF2B5EF4-FFF2-40B4-BE49-F238E27FC236}">
                    <a16:creationId xmlns:a16="http://schemas.microsoft.com/office/drawing/2014/main" id="{ADA9FD5F-1CDC-F9F6-38C8-2CE82464BDD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00" name="Groep 99">
                  <a:extLst>
                    <a:ext uri="{FF2B5EF4-FFF2-40B4-BE49-F238E27FC236}">
                      <a16:creationId xmlns:a16="http://schemas.microsoft.com/office/drawing/2014/main" id="{B80B3CBF-D859-93DF-47BA-081B3FB26C49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07" name="Groep 106">
                    <a:extLst>
                      <a:ext uri="{FF2B5EF4-FFF2-40B4-BE49-F238E27FC236}">
                        <a16:creationId xmlns:a16="http://schemas.microsoft.com/office/drawing/2014/main" id="{9BD79CC1-C22B-6C24-8EB6-2BB254908E5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10" name="Rechthoek 109">
                      <a:extLst>
                        <a:ext uri="{FF2B5EF4-FFF2-40B4-BE49-F238E27FC236}">
                          <a16:creationId xmlns:a16="http://schemas.microsoft.com/office/drawing/2014/main" id="{4CDB7569-C6F2-4F2F-90B9-FF06447E0E0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1" name="Rechthoek 110">
                      <a:extLst>
                        <a:ext uri="{FF2B5EF4-FFF2-40B4-BE49-F238E27FC236}">
                          <a16:creationId xmlns:a16="http://schemas.microsoft.com/office/drawing/2014/main" id="{3B6878B3-E6F3-308E-5AEA-37F0E847FB4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2" name="Ovaal 111">
                      <a:extLst>
                        <a:ext uri="{FF2B5EF4-FFF2-40B4-BE49-F238E27FC236}">
                          <a16:creationId xmlns:a16="http://schemas.microsoft.com/office/drawing/2014/main" id="{61F6CE99-6F98-5BC4-4DB3-D97FD02B6EA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08" name="Afbeelding 107">
                    <a:extLst>
                      <a:ext uri="{FF2B5EF4-FFF2-40B4-BE49-F238E27FC236}">
                        <a16:creationId xmlns:a16="http://schemas.microsoft.com/office/drawing/2014/main" id="{679FBBD2-D7E7-A75E-C978-CFE0AC7E65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09" name="Afbeelding 108">
                    <a:extLst>
                      <a:ext uri="{FF2B5EF4-FFF2-40B4-BE49-F238E27FC236}">
                        <a16:creationId xmlns:a16="http://schemas.microsoft.com/office/drawing/2014/main" id="{D142F915-A618-1473-3F4A-A62392765A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01" name="Groep 100">
                  <a:extLst>
                    <a:ext uri="{FF2B5EF4-FFF2-40B4-BE49-F238E27FC236}">
                      <a16:creationId xmlns:a16="http://schemas.microsoft.com/office/drawing/2014/main" id="{37F8604D-191E-453F-77E9-5165BC57A724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5" name="Rechthoek 104">
                    <a:extLst>
                      <a:ext uri="{FF2B5EF4-FFF2-40B4-BE49-F238E27FC236}">
                        <a16:creationId xmlns:a16="http://schemas.microsoft.com/office/drawing/2014/main" id="{49351EBB-423E-9BCD-D062-FC254CB1561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6" name="Rechthoek 105">
                    <a:extLst>
                      <a:ext uri="{FF2B5EF4-FFF2-40B4-BE49-F238E27FC236}">
                        <a16:creationId xmlns:a16="http://schemas.microsoft.com/office/drawing/2014/main" id="{9606CFE2-3B3B-B74A-EF53-3BA503E3091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02" name="Groep 101">
                  <a:extLst>
                    <a:ext uri="{FF2B5EF4-FFF2-40B4-BE49-F238E27FC236}">
                      <a16:creationId xmlns:a16="http://schemas.microsoft.com/office/drawing/2014/main" id="{AB2A1FF8-05BC-DEC3-094F-29D19267771B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3" name="Rechthoek 102">
                    <a:extLst>
                      <a:ext uri="{FF2B5EF4-FFF2-40B4-BE49-F238E27FC236}">
                        <a16:creationId xmlns:a16="http://schemas.microsoft.com/office/drawing/2014/main" id="{4A85831B-6A2F-AD63-6D1B-30697359EE3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4" name="Rechthoek 103">
                    <a:extLst>
                      <a:ext uri="{FF2B5EF4-FFF2-40B4-BE49-F238E27FC236}">
                        <a16:creationId xmlns:a16="http://schemas.microsoft.com/office/drawing/2014/main" id="{FFF98BE5-839E-BA69-0804-78D9ED1F163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98" name="Rechthoek 97">
                <a:extLst>
                  <a:ext uri="{FF2B5EF4-FFF2-40B4-BE49-F238E27FC236}">
                    <a16:creationId xmlns:a16="http://schemas.microsoft.com/office/drawing/2014/main" id="{4C1EDAB7-6102-6D05-FB88-43C3AC4C596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99" name="Gelijkbenige driehoek 98">
                <a:extLst>
                  <a:ext uri="{FF2B5EF4-FFF2-40B4-BE49-F238E27FC236}">
                    <a16:creationId xmlns:a16="http://schemas.microsoft.com/office/drawing/2014/main" id="{78529ED9-F65F-50BF-6EE6-921EE5ADF39A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ICOON_info">
              <a:extLst>
                <a:ext uri="{FF2B5EF4-FFF2-40B4-BE49-F238E27FC236}">
                  <a16:creationId xmlns:a16="http://schemas.microsoft.com/office/drawing/2014/main" id="{77177625-43A5-CF6A-174F-12820B42C18A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95" name="Ovaal 94">
                <a:extLst>
                  <a:ext uri="{FF2B5EF4-FFF2-40B4-BE49-F238E27FC236}">
                    <a16:creationId xmlns:a16="http://schemas.microsoft.com/office/drawing/2014/main" id="{526F0AF5-D9E8-B86A-974D-B0E5A475920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96" name="Graphic 163" descr="Informatie">
                <a:extLst>
                  <a:ext uri="{FF2B5EF4-FFF2-40B4-BE49-F238E27FC236}">
                    <a16:creationId xmlns:a16="http://schemas.microsoft.com/office/drawing/2014/main" id="{50034C7E-5795-1CF5-9AE1-718AF54C253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4828F9C-1183-E074-57BE-E0DA48FE326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3310C80-CAE0-6C88-ADBF-D3216919C25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124" name="date" descr="{&quot;templafy&quot;:{&quot;id&quot;:&quot;2532e54d-6407-4974-9d5e-8de214fe6611&quot;}}" title="Form.Date">
            <a:extLst>
              <a:ext uri="{FF2B5EF4-FFF2-40B4-BE49-F238E27FC236}">
                <a16:creationId xmlns:a16="http://schemas.microsoft.com/office/drawing/2014/main" id="{68AE6488-2350-8D69-218A-AB0BDA6C014F}"/>
              </a:ext>
            </a:extLst>
          </p:cNvPr>
          <p:cNvSpPr/>
          <p:nvPr userDrawn="1"/>
        </p:nvSpPr>
        <p:spPr>
          <a:xfrm>
            <a:off x="514800" y="6091200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sz="1800" dirty="0">
                <a:solidFill>
                  <a:schemeClr val="tx1"/>
                </a:solidFill>
              </a:rPr>
              <a:t>10 januari 2023</a:t>
            </a:r>
          </a:p>
        </p:txBody>
      </p:sp>
      <p:sp>
        <p:nvSpPr>
          <p:cNvPr id="122" name="text" descr="{&quot;templafy&quot;:{&quot;id&quot;:&quot;c371747f-54f8-4df2-b9da-9c68ec8432a5&quot;}}" title="Form.Presenter">
            <a:extLst>
              <a:ext uri="{FF2B5EF4-FFF2-40B4-BE49-F238E27FC236}">
                <a16:creationId xmlns:a16="http://schemas.microsoft.com/office/drawing/2014/main" id="{FB5E648A-A80A-1998-7A5E-D6E32CA331FB}"/>
              </a:ext>
            </a:extLst>
          </p:cNvPr>
          <p:cNvSpPr/>
          <p:nvPr userDrawn="1"/>
        </p:nvSpPr>
        <p:spPr>
          <a:xfrm>
            <a:off x="514799" y="5810400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dirty="0">
                <a:solidFill>
                  <a:schemeClr val="tx1"/>
                </a:solidFill>
              </a:rPr>
              <a:t>Suzy Niamut</a:t>
            </a:r>
          </a:p>
        </p:txBody>
      </p:sp>
    </p:spTree>
    <p:extLst>
      <p:ext uri="{BB962C8B-B14F-4D97-AF65-F5344CB8AC3E}">
        <p14:creationId xmlns:p14="http://schemas.microsoft.com/office/powerpoint/2010/main" val="15852579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8" pos="668">
          <p15:clr>
            <a:srgbClr val="FBAE40"/>
          </p15:clr>
        </p15:guide>
        <p15:guide id="9" pos="4567">
          <p15:clr>
            <a:srgbClr val="FBAE40"/>
          </p15:clr>
        </p15:guide>
        <p15:guide id="11" orient="horz" pos="3816" userDrawn="1">
          <p15:clr>
            <a:srgbClr val="FBAE40"/>
          </p15:clr>
        </p15:guide>
        <p15:guide id="12" orient="horz" pos="3528" userDrawn="1">
          <p15:clr>
            <a:srgbClr val="FBAE40"/>
          </p15:clr>
        </p15:guide>
        <p15:guide id="13" pos="501" userDrawn="1">
          <p15:clr>
            <a:srgbClr val="FBAE40"/>
          </p15:clr>
        </p15:guide>
        <p15:guide id="14" pos="3425" userDrawn="1">
          <p15:clr>
            <a:srgbClr val="FBAE40"/>
          </p15:clr>
        </p15:guide>
        <p15:guide id="15" orient="horz" pos="216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60400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55504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0EA08FF7-0BC5-3874-DBB7-3627905D336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7" name="Rechthoek 13">
              <a:extLst>
                <a:ext uri="{FF2B5EF4-FFF2-40B4-BE49-F238E27FC236}">
                  <a16:creationId xmlns:a16="http://schemas.microsoft.com/office/drawing/2014/main" id="{CA64B817-FCB2-3079-CDD7-4224A4F20749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487AD34-3FE0-2986-2A37-E3769BA9C592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9DA8E293-32C6-40B3-8841-121282580FDF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F9601C28-ABE6-C587-74F0-E64C586205A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8F348675-3BAF-CC7F-B51F-98033C508EB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1372D387-A410-D732-1A35-733BFE339D54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BDEC75A4-235D-7092-DE60-EC333C9463D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AB38332B-A171-9854-475C-DECDAF046453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90FAA78F-8FB5-8E54-703F-1ADDF21583F2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B0FB08C1-781C-68D7-B4B5-768A9980AE06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A8C4125D-5423-B80D-F6E4-1DCB49C29953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B992A279-054F-AB69-7E4A-D92D0F5CC10B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C0046B93-5014-7D02-A778-C97C01AF56F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014F5476-FA7C-920B-4007-5BD35972EFD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76AE267A-6C68-66AA-AD2F-462776C992DF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45110887-B4C7-CD9A-CE7E-8FE7A8F68F3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12E7BAE7-D212-CB47-CF23-3E36B338429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F175A812-6608-AC9B-892D-C008EFAEAFE2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E51961C6-5F4C-2059-83CE-AF0438B24C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4D59A964-1B3B-89BA-4B0D-216B8AEDA20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DA53F7E4-1912-5201-A2C2-A7F6041E055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FCBCA3C4-A6D9-A5CF-984F-9BB3B9842A5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1A7B6A91-EB60-B58B-C1A1-14BCF5614706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14D06EE-8468-40A9-5CEC-02C0D17BD4A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8A9D76CE-D727-A642-316C-87FE6F20247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5AF0E5CE-4C8C-7C6C-F5EC-E6103A3C9AF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21A17E23-B81B-09F1-4AEB-D53ACD6CCBD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67333474-958B-6C21-5534-13374E23163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0DE6D51A-0B55-7223-E6E5-15D753C3661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726B2A2D-89B5-4C8F-467A-D9ADA4A4B7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F78D744-9F52-BCDE-AF31-37B800AFAB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56D6AF52-3091-5663-D7FA-671955627F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10DDA60C-5EE7-FE24-AA56-D28A0B98B5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BC1DDD35-F80C-B3A1-8051-92F956AA981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D1392F1E-F1EA-A16E-83A9-BF4402221B2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8B3A9B0A-DDA5-262E-63F8-E4D52C33E0E3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44E6530E-FBCE-6F54-9F41-D7C4E2E27A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2115350E-A0E6-41B0-5654-8B8D42F52F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ED8A2048-4E83-9DFE-E088-349FC7C00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5CAB7727-5387-222D-1A27-EE2CECBAE4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AED11671-27BE-A789-A208-5B58186A6A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BD7F9667-ED8A-0F41-350A-BE23B19AFF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AFE9CC1E-3224-0BFA-CF9F-C3D7B515EC7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7E743C66-9158-DFA2-7F18-D035D6A45CA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3B56EF8E-33B1-6EB8-90EA-95C8A5AF204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DBDAE461-2F62-055F-3BA3-B94153E55B8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AF87BED2-7592-78F9-8EFD-F2693AEA485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1EDDF839-5111-6AB1-041D-6AFC09EF7327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31F9BB53-C414-F806-A6FD-065DD5764B0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8F0C1BE8-9F1B-8699-1EFA-8A968F28BEB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6B60D73E-E446-8DA1-7C1F-0570DE714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59EAAEEB-FC55-C38D-40C8-ED88660509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00073770-6AEC-9A1C-78BF-F0D97B8EE5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B8DB2992-8C81-16A0-DDC5-CEA99201C1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BFAC9865-9F4E-2ADB-DDA2-AD15E67E19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EF80F7B0-7DA2-C60E-4153-50F0192C9D8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3B26A35E-9F67-692B-B8DD-D76B92836786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12A972CE-BABE-C452-7FF6-3F5541D7395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5BAA37D1-009F-7D09-22B7-71FD92E510B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B697D844-5705-361A-BB78-32C91D32237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8EFAFD9E-1E12-C8D7-AC63-4FCFC9F756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0F9A36EB-ACFC-964E-F9D3-3473CF90E87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C1B94EFC-1B99-21B5-A395-D8C87B4E95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DBF3B606-B63D-1087-3486-859608FC11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1CDFF8AA-79EA-8EDB-01D9-5F993844E86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7B650143-2020-7043-F93E-E0D0A2121EB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DF6CB551-CDDE-3484-F150-F2BBFC6B835F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16" name="Rechthoek 83">
              <a:extLst>
                <a:ext uri="{FF2B5EF4-FFF2-40B4-BE49-F238E27FC236}">
                  <a16:creationId xmlns:a16="http://schemas.microsoft.com/office/drawing/2014/main" id="{6CD371E1-F454-1BAF-5F83-24B9C9E5A416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5E1D3286-0058-2BFF-C970-73E7E6653BF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6841863C-917A-1147-E86D-78DD0B1B2437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886F7517-BC2A-7555-0DF1-3599277D216B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AC2F1A66-6EB8-282F-05C2-C63A12752064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1E96FCF7-AA12-BE41-1780-235896FE15F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AE4B9676-05B7-0B47-9FD1-8537E3908E2E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86909A2E-8A99-4FF5-11CC-EDF614E3F51B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C52EFAF8-359A-AE6E-5919-A390E5DBD07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38035621-64CE-F821-59BD-2309CE2A729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1D13F219-128D-446D-B6F3-CE527827942D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D20E9D7F-DE67-FF81-99B0-8A11F92CF30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A033B6EB-BF73-7BFF-ADB8-AC2E77473A66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654D76B1-2651-2A03-D6C8-AA5B2643D05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DE7EDC49-7B3B-6F10-A34E-26DB243C2403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5E454E77-92AE-EAAA-E8ED-21F0357282C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28AF9C51-7CD9-34CF-3C7F-F0275310ED53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1289BD68-6AC4-DA51-B5EB-D7B487E146DF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BBA3966B-42D1-15AA-14A0-8F848CB69C86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CBE3C255-07BE-620A-926A-DA98FE85368D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C1E70AF7-D2D3-45B0-36B7-0A6CC6B370D4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84643BBA-945D-FECE-307A-E4AFFBB8E0B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64F07E9-3387-3E70-0C21-02BDA6795E4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97664031-4A90-A78A-99B2-E73FA538C73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BB30FACA-CB9F-AE57-73B4-FD7B5B2196E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1AF453E4-5FEC-CBE9-1CB6-385081E7C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F89B583C-FD7B-91D8-69BC-474D9631AEC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0AB13219-E186-A8EA-E238-A91BBB237F8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50670043-8CAA-F5ED-91D9-6C5889371E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75388E1A-C70A-461D-0FDB-BF4C7AAEC39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6EBA1A94-AAEB-EC14-2FEE-D569C3086E1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724B7582-2832-8C69-1205-82E5B250E14F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184ACA61-53C3-BAE7-9A6E-70913E6AE9A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706527C5-B4A9-C1CC-7C12-9F85BBC84EED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13C7B5C3-A1A3-FC4E-F4D9-5C003796DDBE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A5D0771E-1B43-1F87-9952-FE3F59820A07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0577B87-F270-BAC8-4E81-EA82454978F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B136ADB7-F261-C335-F40E-CC630357AA8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00CF5C4B-EC27-02F1-4811-4BA6C1E611A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79EE7987-8549-7A8A-409D-FE97B3CEF05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6D612F-F4CE-B11D-3C94-FFE333C9EB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817089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3x Afbeelding + Tekst">
    <p:bg>
      <p:bgPr>
        <a:solidFill>
          <a:schemeClr val="bg2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9B57559A-EDF5-2C30-117B-DF93EDDADEB0}"/>
              </a:ext>
            </a:extLst>
          </p:cNvPr>
          <p:cNvSpPr/>
          <p:nvPr userDrawn="1"/>
        </p:nvSpPr>
        <p:spPr>
          <a:xfrm>
            <a:off x="0" y="0"/>
            <a:ext cx="12192000" cy="7092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604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55504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9" name="Rechthoek 8">
            <a:extLst>
              <a:ext uri="{FF2B5EF4-FFF2-40B4-BE49-F238E27FC236}">
                <a16:creationId xmlns:a16="http://schemas.microsoft.com/office/drawing/2014/main" id="{F5E5D96A-204B-C73C-430F-B0E71C272086}"/>
              </a:ext>
            </a:extLst>
          </p:cNvPr>
          <p:cNvSpPr/>
          <p:nvPr userDrawn="1"/>
        </p:nvSpPr>
        <p:spPr>
          <a:xfrm>
            <a:off x="4356887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0" name="Rechthoek 9">
            <a:extLst>
              <a:ext uri="{FF2B5EF4-FFF2-40B4-BE49-F238E27FC236}">
                <a16:creationId xmlns:a16="http://schemas.microsoft.com/office/drawing/2014/main" id="{185A34C4-87D6-C6DD-A0F8-71E0CA7204B0}"/>
              </a:ext>
            </a:extLst>
          </p:cNvPr>
          <p:cNvSpPr/>
          <p:nvPr userDrawn="1"/>
        </p:nvSpPr>
        <p:spPr>
          <a:xfrm>
            <a:off x="8163997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5" name="Tijdelijke aanduiding voor tekst 11">
            <a:extLst>
              <a:ext uri="{FF2B5EF4-FFF2-40B4-BE49-F238E27FC236}">
                <a16:creationId xmlns:a16="http://schemas.microsoft.com/office/drawing/2014/main" id="{23D604D0-8595-316C-326E-3E0F2C6A947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444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6" name="Tijdelijke aanduiding voor tekst 13">
            <a:extLst>
              <a:ext uri="{FF2B5EF4-FFF2-40B4-BE49-F238E27FC236}">
                <a16:creationId xmlns:a16="http://schemas.microsoft.com/office/drawing/2014/main" id="{ADBC6F63-9A73-A246-6AA1-F89A7A4721A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444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7" name="Tijdelijke aanduiding voor tekst 11">
            <a:extLst>
              <a:ext uri="{FF2B5EF4-FFF2-40B4-BE49-F238E27FC236}">
                <a16:creationId xmlns:a16="http://schemas.microsoft.com/office/drawing/2014/main" id="{8565B002-5AC0-9E1D-F852-3FD4A22E83A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700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8" name="Tijdelijke aanduiding voor tekst 13">
            <a:extLst>
              <a:ext uri="{FF2B5EF4-FFF2-40B4-BE49-F238E27FC236}">
                <a16:creationId xmlns:a16="http://schemas.microsoft.com/office/drawing/2014/main" id="{EBA246F8-4DBB-72D5-4E8A-3A3171D391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3700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grpSp>
        <p:nvGrpSpPr>
          <p:cNvPr id="7" name="INSTRUCTIE">
            <a:extLst>
              <a:ext uri="{FF2B5EF4-FFF2-40B4-BE49-F238E27FC236}">
                <a16:creationId xmlns:a16="http://schemas.microsoft.com/office/drawing/2014/main" id="{67F9E95D-605F-8CB9-BBAB-0CAC34572425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1" name="Rechthoek 13">
              <a:extLst>
                <a:ext uri="{FF2B5EF4-FFF2-40B4-BE49-F238E27FC236}">
                  <a16:creationId xmlns:a16="http://schemas.microsoft.com/office/drawing/2014/main" id="{CA0D1CFA-6CF0-62C0-D5E4-8A4857572150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3" name="Ovaal 14">
              <a:extLst>
                <a:ext uri="{FF2B5EF4-FFF2-40B4-BE49-F238E27FC236}">
                  <a16:creationId xmlns:a16="http://schemas.microsoft.com/office/drawing/2014/main" id="{744BE07A-F9CF-3825-A465-1A9F0A1CFB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" name="Rechthoek 15">
              <a:extLst>
                <a:ext uri="{FF2B5EF4-FFF2-40B4-BE49-F238E27FC236}">
                  <a16:creationId xmlns:a16="http://schemas.microsoft.com/office/drawing/2014/main" id="{39F2A92F-26F3-AE39-5E7F-CEEFB2D11B0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16">
              <a:extLst>
                <a:ext uri="{FF2B5EF4-FFF2-40B4-BE49-F238E27FC236}">
                  <a16:creationId xmlns:a16="http://schemas.microsoft.com/office/drawing/2014/main" id="{6404153B-AAB3-8FB5-7083-8B1A20550AE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21" name="Rechthoek 17">
              <a:extLst>
                <a:ext uri="{FF2B5EF4-FFF2-40B4-BE49-F238E27FC236}">
                  <a16:creationId xmlns:a16="http://schemas.microsoft.com/office/drawing/2014/main" id="{965CC542-4DC2-3CB9-3E67-2D8398EA838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22" name="Rechthoek 18">
              <a:extLst>
                <a:ext uri="{FF2B5EF4-FFF2-40B4-BE49-F238E27FC236}">
                  <a16:creationId xmlns:a16="http://schemas.microsoft.com/office/drawing/2014/main" id="{8FA695C4-EF31-8970-5696-4E4133DE59C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3" name="Ovaal 19">
              <a:extLst>
                <a:ext uri="{FF2B5EF4-FFF2-40B4-BE49-F238E27FC236}">
                  <a16:creationId xmlns:a16="http://schemas.microsoft.com/office/drawing/2014/main" id="{7E861D77-27F6-054C-6C59-95F382DEA8A3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4" name="Rechthoek 20">
              <a:extLst>
                <a:ext uri="{FF2B5EF4-FFF2-40B4-BE49-F238E27FC236}">
                  <a16:creationId xmlns:a16="http://schemas.microsoft.com/office/drawing/2014/main" id="{26E15522-F3FA-E775-4FBC-46E1D88F70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5" name="Ovaal 21">
              <a:extLst>
                <a:ext uri="{FF2B5EF4-FFF2-40B4-BE49-F238E27FC236}">
                  <a16:creationId xmlns:a16="http://schemas.microsoft.com/office/drawing/2014/main" id="{FF2D5939-075E-FFEE-398F-15D62C896BAD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6" name="Rechthoek 22">
              <a:extLst>
                <a:ext uri="{FF2B5EF4-FFF2-40B4-BE49-F238E27FC236}">
                  <a16:creationId xmlns:a16="http://schemas.microsoft.com/office/drawing/2014/main" id="{A7175147-D239-DE88-A447-5AB3AF16493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7" name="Ovaal 23">
              <a:extLst>
                <a:ext uri="{FF2B5EF4-FFF2-40B4-BE49-F238E27FC236}">
                  <a16:creationId xmlns:a16="http://schemas.microsoft.com/office/drawing/2014/main" id="{C7D8B0F1-D5EB-28E1-1BD3-4929F47BD64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8" name="Rechthoek 24">
              <a:extLst>
                <a:ext uri="{FF2B5EF4-FFF2-40B4-BE49-F238E27FC236}">
                  <a16:creationId xmlns:a16="http://schemas.microsoft.com/office/drawing/2014/main" id="{3B72A87E-FCEF-4244-0F31-CA1343ED958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9" name="Ovaal 25">
              <a:extLst>
                <a:ext uri="{FF2B5EF4-FFF2-40B4-BE49-F238E27FC236}">
                  <a16:creationId xmlns:a16="http://schemas.microsoft.com/office/drawing/2014/main" id="{6FB8EB20-B30F-9AD1-A33D-A717DA6D60D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30" name="Rechthoek 26">
              <a:extLst>
                <a:ext uri="{FF2B5EF4-FFF2-40B4-BE49-F238E27FC236}">
                  <a16:creationId xmlns:a16="http://schemas.microsoft.com/office/drawing/2014/main" id="{2A025738-965D-0CFD-96FA-CDC4B23197E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1" name="Ovaal 27">
              <a:extLst>
                <a:ext uri="{FF2B5EF4-FFF2-40B4-BE49-F238E27FC236}">
                  <a16:creationId xmlns:a16="http://schemas.microsoft.com/office/drawing/2014/main" id="{44CB5C93-BCE0-4C65-7A5C-6284F50F15B4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2" name="Rechthoek 28">
              <a:extLst>
                <a:ext uri="{FF2B5EF4-FFF2-40B4-BE49-F238E27FC236}">
                  <a16:creationId xmlns:a16="http://schemas.microsoft.com/office/drawing/2014/main" id="{93ED0048-A27C-D7F4-2E5A-AA06C2C4070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3" name="Ovaal 29">
              <a:extLst>
                <a:ext uri="{FF2B5EF4-FFF2-40B4-BE49-F238E27FC236}">
                  <a16:creationId xmlns:a16="http://schemas.microsoft.com/office/drawing/2014/main" id="{CD46853F-53A2-7FB1-108B-ADC3E54A6519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4" name="Rechthoek 30">
              <a:extLst>
                <a:ext uri="{FF2B5EF4-FFF2-40B4-BE49-F238E27FC236}">
                  <a16:creationId xmlns:a16="http://schemas.microsoft.com/office/drawing/2014/main" id="{6104D2F1-0FB8-B475-7F2E-9E08B4AF5E0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5" name="Ovaal 31">
              <a:extLst>
                <a:ext uri="{FF2B5EF4-FFF2-40B4-BE49-F238E27FC236}">
                  <a16:creationId xmlns:a16="http://schemas.microsoft.com/office/drawing/2014/main" id="{3AE72775-8979-0F00-2F09-CE95D74D1876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6" name="Rechthoek 32">
              <a:extLst>
                <a:ext uri="{FF2B5EF4-FFF2-40B4-BE49-F238E27FC236}">
                  <a16:creationId xmlns:a16="http://schemas.microsoft.com/office/drawing/2014/main" id="{7E0D71F2-2DA6-7178-6551-C40A199AD69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7" name="Rechthoek 33">
              <a:extLst>
                <a:ext uri="{FF2B5EF4-FFF2-40B4-BE49-F238E27FC236}">
                  <a16:creationId xmlns:a16="http://schemas.microsoft.com/office/drawing/2014/main" id="{35986C89-6DE2-2279-6DEC-51070DE904D7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8" name="ICOON_info">
              <a:extLst>
                <a:ext uri="{FF2B5EF4-FFF2-40B4-BE49-F238E27FC236}">
                  <a16:creationId xmlns:a16="http://schemas.microsoft.com/office/drawing/2014/main" id="{A89266D9-AE7B-E41C-8A0C-815AFD231503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F178E3D8-AD3E-CAE1-D004-9704F83E1A0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C25096F0-4E1F-CC5A-E2F8-0A40EB85EA5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9" name="VOORBEELD">
              <a:extLst>
                <a:ext uri="{FF2B5EF4-FFF2-40B4-BE49-F238E27FC236}">
                  <a16:creationId xmlns:a16="http://schemas.microsoft.com/office/drawing/2014/main" id="{5E53DAD4-5C77-2EA4-7888-3A9AE37718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BCE8D066-8F04-100D-4E3A-C042F31FF38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422A664B-97A0-61DF-AB75-60FF6BE0BA3F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8AB3C92F-46FE-6F5F-684D-5A24CEA6FD68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E1C39B4-16A2-1341-A17B-047F670C420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1FBC8C73-4548-159E-C39E-E88D288F68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6C2FA143-2DCC-3A35-7A92-A7C29BE5F5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82F55BA8-6ABC-E60A-A984-7F092CC557D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23FFEDBB-260B-4887-83F1-D27CC82066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D806B06B-A903-44BB-D4B3-4A32CA1D94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E9EC547F-386B-D8DA-0B9E-D0FA0BB84B4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ABDB14C0-8343-A77D-4CC3-88C619426E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6918B894-7224-63AB-C3F5-7CBDE138290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E995782D-89EB-65F3-5052-5B8242DD65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87242487-89C2-A645-C9D1-A17973F783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A91EE193-60B0-9CA3-0AAC-6B0A6AEA85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4ED4A084-358D-0EB6-548D-A66399722B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76AB5CCE-8623-4267-7F5E-558F27C192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76D60574-4C7F-41E4-2FB8-2E11CF721A3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7E785D49-7DFF-5198-0583-91F55B1DEF4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529A88F3-DD66-668C-310A-E577608DAC6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3CE3B7D1-718E-2F06-A6FF-9ADC4929E93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0F5E7F1E-3ABE-1388-9DF7-E5446F1082DA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6F04BB5C-B516-F05E-0CFA-9C1C96AB6B5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36216287-D3B2-7FF1-28AF-8AE0EEC4967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6AA9E831-FEBF-12F1-14FE-A170D43CD52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6CCB9CE2-4781-E2A4-E3F8-B6E7C89759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95C4BA1F-5D29-EF51-8A20-862AADCD8D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FE163F39-E94C-1A62-DB8A-2D5BBC96FDA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46C6D6D1-4B24-DE2E-CE69-D26323C0A1D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F293E00A-3A61-ED28-4BAA-2D213C237C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C5546DB6-CF9F-BEDD-F6F0-BE43CA27C07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3B447814-B6D8-2340-E02A-8B6BDD8DEC98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E514EE5F-5286-5E0C-3F11-306C22FA2EE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1E710F97-C67E-EB1C-26B1-0A1FB9761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62B9A55D-7DA6-7182-8122-33EBD60C4F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94F9068C-6606-3095-4C2D-81AA298E9D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998D5EF6-BC23-A223-4D4D-07E5B202118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B6FA7FC-2BBC-303D-46FD-49F2AB60F0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CA8E148D-8717-DC8E-9898-F3C047AFA7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2FC29DED-E63C-DFFE-85B5-C40E676CC53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CB228259-7B89-B146-60DC-B6E4334089E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19606285-3B85-30EA-3684-6D8316F135F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A49D5815-2856-87F6-E216-CDB27942C8C8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92" name="Ovaal 84">
              <a:extLst>
                <a:ext uri="{FF2B5EF4-FFF2-40B4-BE49-F238E27FC236}">
                  <a16:creationId xmlns:a16="http://schemas.microsoft.com/office/drawing/2014/main" id="{2D843BE6-AA93-8569-AD3C-74920BB9D86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3" name="Rechthoek 85">
              <a:extLst>
                <a:ext uri="{FF2B5EF4-FFF2-40B4-BE49-F238E27FC236}">
                  <a16:creationId xmlns:a16="http://schemas.microsoft.com/office/drawing/2014/main" id="{3E15EBE9-9709-65FC-E517-36EEF5D5C2A3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4" name="Groep 86">
              <a:extLst>
                <a:ext uri="{FF2B5EF4-FFF2-40B4-BE49-F238E27FC236}">
                  <a16:creationId xmlns:a16="http://schemas.microsoft.com/office/drawing/2014/main" id="{7DD7C228-DBE2-C578-0335-6459AE2ABF2A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23" name="Rechthoek 115">
                <a:extLst>
                  <a:ext uri="{FF2B5EF4-FFF2-40B4-BE49-F238E27FC236}">
                    <a16:creationId xmlns:a16="http://schemas.microsoft.com/office/drawing/2014/main" id="{7B79482D-B196-7ADB-8314-EEA07D19E40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4" name="Ovaal 116">
                <a:extLst>
                  <a:ext uri="{FF2B5EF4-FFF2-40B4-BE49-F238E27FC236}">
                    <a16:creationId xmlns:a16="http://schemas.microsoft.com/office/drawing/2014/main" id="{BB740EC9-43E6-FD87-9967-5D12CDB3B9D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5" name="Vrije vorm: vorm 117">
                <a:extLst>
                  <a:ext uri="{FF2B5EF4-FFF2-40B4-BE49-F238E27FC236}">
                    <a16:creationId xmlns:a16="http://schemas.microsoft.com/office/drawing/2014/main" id="{2F1ECF77-9E15-CDA5-34F0-66B57924733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6" name="Rechthoek: afgeronde hoeken 118">
                <a:extLst>
                  <a:ext uri="{FF2B5EF4-FFF2-40B4-BE49-F238E27FC236}">
                    <a16:creationId xmlns:a16="http://schemas.microsoft.com/office/drawing/2014/main" id="{8291D2F3-5DD9-FE6D-B10E-915A05319652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7" name="Rechte verbindingslijn 119">
                <a:extLst>
                  <a:ext uri="{FF2B5EF4-FFF2-40B4-BE49-F238E27FC236}">
                    <a16:creationId xmlns:a16="http://schemas.microsoft.com/office/drawing/2014/main" id="{DD436336-D869-0138-BEE4-855079F8547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8" name="Rechte verbindingslijn 120">
                <a:extLst>
                  <a:ext uri="{FF2B5EF4-FFF2-40B4-BE49-F238E27FC236}">
                    <a16:creationId xmlns:a16="http://schemas.microsoft.com/office/drawing/2014/main" id="{573E2BFB-AFFE-8011-C75F-65A87E78E1C0}"/>
                  </a:ext>
                </a:extLst>
              </p:cNvPr>
              <p:cNvCxnSpPr>
                <a:cxnSpLocks/>
                <a:stCxn id="22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95" name="Ovaal 87">
              <a:extLst>
                <a:ext uri="{FF2B5EF4-FFF2-40B4-BE49-F238E27FC236}">
                  <a16:creationId xmlns:a16="http://schemas.microsoft.com/office/drawing/2014/main" id="{7677B3EF-67E2-E376-95E8-30F02D82FCF9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6" name="Rechthoek 88">
              <a:extLst>
                <a:ext uri="{FF2B5EF4-FFF2-40B4-BE49-F238E27FC236}">
                  <a16:creationId xmlns:a16="http://schemas.microsoft.com/office/drawing/2014/main" id="{D1D1DC73-2777-C84A-5AE5-789C41DDC06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7" name="Groep 89">
              <a:extLst>
                <a:ext uri="{FF2B5EF4-FFF2-40B4-BE49-F238E27FC236}">
                  <a16:creationId xmlns:a16="http://schemas.microsoft.com/office/drawing/2014/main" id="{9D6915B4-A005-BE3D-8D16-D7C1246867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20" name="Rechthoek 112">
                <a:extLst>
                  <a:ext uri="{FF2B5EF4-FFF2-40B4-BE49-F238E27FC236}">
                    <a16:creationId xmlns:a16="http://schemas.microsoft.com/office/drawing/2014/main" id="{02CE5704-2D92-4D13-EEB9-4A3386329F6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21" name="Rechte verbindingslijn 113">
                <a:extLst>
                  <a:ext uri="{FF2B5EF4-FFF2-40B4-BE49-F238E27FC236}">
                    <a16:creationId xmlns:a16="http://schemas.microsoft.com/office/drawing/2014/main" id="{90231AED-5162-CA6D-275A-4180D84E394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22" name="Gelijkbenige driehoek 114">
                <a:extLst>
                  <a:ext uri="{FF2B5EF4-FFF2-40B4-BE49-F238E27FC236}">
                    <a16:creationId xmlns:a16="http://schemas.microsoft.com/office/drawing/2014/main" id="{C442957F-D40D-56E8-EA70-CD4E7C3FE67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8" name="Ovaal 90">
              <a:extLst>
                <a:ext uri="{FF2B5EF4-FFF2-40B4-BE49-F238E27FC236}">
                  <a16:creationId xmlns:a16="http://schemas.microsoft.com/office/drawing/2014/main" id="{2A114D1F-1313-738E-2D67-1905928BB6EE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9" name="Rechthoek 91">
              <a:extLst>
                <a:ext uri="{FF2B5EF4-FFF2-40B4-BE49-F238E27FC236}">
                  <a16:creationId xmlns:a16="http://schemas.microsoft.com/office/drawing/2014/main" id="{E375E819-10D2-BF2F-7836-ABC964F852D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200" name="Groep 92">
              <a:extLst>
                <a:ext uri="{FF2B5EF4-FFF2-40B4-BE49-F238E27FC236}">
                  <a16:creationId xmlns:a16="http://schemas.microsoft.com/office/drawing/2014/main" id="{8138EDBC-07A2-53D8-66C0-C268D6372498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4" name="Groep 96">
                <a:extLst>
                  <a:ext uri="{FF2B5EF4-FFF2-40B4-BE49-F238E27FC236}">
                    <a16:creationId xmlns:a16="http://schemas.microsoft.com/office/drawing/2014/main" id="{A7898599-5EBD-6CD5-7955-7098431B98F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7" name="Groep 99">
                  <a:extLst>
                    <a:ext uri="{FF2B5EF4-FFF2-40B4-BE49-F238E27FC236}">
                      <a16:creationId xmlns:a16="http://schemas.microsoft.com/office/drawing/2014/main" id="{DB89163C-3091-E285-11E5-1E612EA29BA1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4" name="Groep 106">
                    <a:extLst>
                      <a:ext uri="{FF2B5EF4-FFF2-40B4-BE49-F238E27FC236}">
                        <a16:creationId xmlns:a16="http://schemas.microsoft.com/office/drawing/2014/main" id="{924FFB00-0571-F88A-B381-AECBA08D3CB7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7" name="Rechthoek 109">
                      <a:extLst>
                        <a:ext uri="{FF2B5EF4-FFF2-40B4-BE49-F238E27FC236}">
                          <a16:creationId xmlns:a16="http://schemas.microsoft.com/office/drawing/2014/main" id="{14E7F829-AFCA-C3E5-728B-CCDEDD3E738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8" name="Rechthoek 110">
                      <a:extLst>
                        <a:ext uri="{FF2B5EF4-FFF2-40B4-BE49-F238E27FC236}">
                          <a16:creationId xmlns:a16="http://schemas.microsoft.com/office/drawing/2014/main" id="{2DCA0CAA-EFA0-D06B-148A-54962F0082B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9" name="Ovaal 111">
                      <a:extLst>
                        <a:ext uri="{FF2B5EF4-FFF2-40B4-BE49-F238E27FC236}">
                          <a16:creationId xmlns:a16="http://schemas.microsoft.com/office/drawing/2014/main" id="{084AF648-C09A-99C7-CA8D-D416A765CE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5" name="Afbeelding 107">
                    <a:extLst>
                      <a:ext uri="{FF2B5EF4-FFF2-40B4-BE49-F238E27FC236}">
                        <a16:creationId xmlns:a16="http://schemas.microsoft.com/office/drawing/2014/main" id="{FDF52B61-0A25-D233-E47F-DA5CE60221F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6" name="Afbeelding 108">
                    <a:extLst>
                      <a:ext uri="{FF2B5EF4-FFF2-40B4-BE49-F238E27FC236}">
                        <a16:creationId xmlns:a16="http://schemas.microsoft.com/office/drawing/2014/main" id="{8FBD99CF-014A-FF1C-156A-C87164E099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8" name="Groep 100">
                  <a:extLst>
                    <a:ext uri="{FF2B5EF4-FFF2-40B4-BE49-F238E27FC236}">
                      <a16:creationId xmlns:a16="http://schemas.microsoft.com/office/drawing/2014/main" id="{218700CA-8A31-9C54-8641-3F7809E7E79D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2" name="Rechthoek 104">
                    <a:extLst>
                      <a:ext uri="{FF2B5EF4-FFF2-40B4-BE49-F238E27FC236}">
                        <a16:creationId xmlns:a16="http://schemas.microsoft.com/office/drawing/2014/main" id="{74DABD68-AA75-3EC4-11C0-53BF7B348FC7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3" name="Rechthoek 105">
                    <a:extLst>
                      <a:ext uri="{FF2B5EF4-FFF2-40B4-BE49-F238E27FC236}">
                        <a16:creationId xmlns:a16="http://schemas.microsoft.com/office/drawing/2014/main" id="{EA475708-5604-061D-BAA1-7BF05235DC3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9" name="Groep 101">
                  <a:extLst>
                    <a:ext uri="{FF2B5EF4-FFF2-40B4-BE49-F238E27FC236}">
                      <a16:creationId xmlns:a16="http://schemas.microsoft.com/office/drawing/2014/main" id="{A506A34B-1E4D-673F-AF6A-97349EBB66C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0" name="Rechthoek 102">
                    <a:extLst>
                      <a:ext uri="{FF2B5EF4-FFF2-40B4-BE49-F238E27FC236}">
                        <a16:creationId xmlns:a16="http://schemas.microsoft.com/office/drawing/2014/main" id="{3F337865-FBB6-0DDF-0FF8-BF159BD82B3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1" name="Rechthoek 103">
                    <a:extLst>
                      <a:ext uri="{FF2B5EF4-FFF2-40B4-BE49-F238E27FC236}">
                        <a16:creationId xmlns:a16="http://schemas.microsoft.com/office/drawing/2014/main" id="{6CDE4294-7E7D-4806-C80D-E97317C6A1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5" name="Rechthoek 97">
                <a:extLst>
                  <a:ext uri="{FF2B5EF4-FFF2-40B4-BE49-F238E27FC236}">
                    <a16:creationId xmlns:a16="http://schemas.microsoft.com/office/drawing/2014/main" id="{1DE8F76E-2954-ACDD-AE43-DA04D160D44B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6" name="Gelijkbenige driehoek 98">
                <a:extLst>
                  <a:ext uri="{FF2B5EF4-FFF2-40B4-BE49-F238E27FC236}">
                    <a16:creationId xmlns:a16="http://schemas.microsoft.com/office/drawing/2014/main" id="{C6078D7B-7F5F-FE50-4A8D-8695CF1B7A14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01" name="ICOON_info">
              <a:extLst>
                <a:ext uri="{FF2B5EF4-FFF2-40B4-BE49-F238E27FC236}">
                  <a16:creationId xmlns:a16="http://schemas.microsoft.com/office/drawing/2014/main" id="{05886842-542B-5F5F-A1A4-0A512BE48BE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202" name="Ovaal 94">
                <a:extLst>
                  <a:ext uri="{FF2B5EF4-FFF2-40B4-BE49-F238E27FC236}">
                    <a16:creationId xmlns:a16="http://schemas.microsoft.com/office/drawing/2014/main" id="{4FB7824F-B645-34A1-7414-983BA916525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03" name="Graphic 163" descr="Informatie">
                <a:extLst>
                  <a:ext uri="{FF2B5EF4-FFF2-40B4-BE49-F238E27FC236}">
                    <a16:creationId xmlns:a16="http://schemas.microsoft.com/office/drawing/2014/main" id="{C3EB513E-C4F4-5588-C405-E2B9F3CDACA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5" name="Footer Placeholder 6">
            <a:extLst>
              <a:ext uri="{FF2B5EF4-FFF2-40B4-BE49-F238E27FC236}">
                <a16:creationId xmlns:a16="http://schemas.microsoft.com/office/drawing/2014/main" id="{0F526840-164E-433E-35A2-FA3FD44F2C4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6" name="Slide Number Placeholder 7">
            <a:extLst>
              <a:ext uri="{FF2B5EF4-FFF2-40B4-BE49-F238E27FC236}">
                <a16:creationId xmlns:a16="http://schemas.microsoft.com/office/drawing/2014/main" id="{9A2D5C18-8E00-5591-9FF9-20756FCF036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10ED608-291C-5921-FD6B-239272C102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nl-NL" dirty="0"/>
          </a:p>
        </p:txBody>
      </p:sp>
      <p:pic>
        <p:nvPicPr>
          <p:cNvPr id="1104926548" name="image" descr="{&quot;templafy&quot;:{&quot;id&quot;:&quot;6951d0b3-6b2a-4179-9d40-aee0cb34b62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2256434" cy="30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752023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emaslide + 4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Rechthoek 30">
            <a:extLst>
              <a:ext uri="{FF2B5EF4-FFF2-40B4-BE49-F238E27FC236}">
                <a16:creationId xmlns:a16="http://schemas.microsoft.com/office/drawing/2014/main" id="{22EE50ED-A0C2-0985-35FB-D865625A0EB0}"/>
              </a:ext>
            </a:extLst>
          </p:cNvPr>
          <p:cNvSpPr/>
          <p:nvPr userDrawn="1"/>
        </p:nvSpPr>
        <p:spPr>
          <a:xfrm>
            <a:off x="6244746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8" name="Rechthoek 27">
            <a:extLst>
              <a:ext uri="{FF2B5EF4-FFF2-40B4-BE49-F238E27FC236}">
                <a16:creationId xmlns:a16="http://schemas.microsoft.com/office/drawing/2014/main" id="{F2EAB08E-9961-7D2D-7900-6159E3607274}"/>
              </a:ext>
            </a:extLst>
          </p:cNvPr>
          <p:cNvSpPr/>
          <p:nvPr userDrawn="1"/>
        </p:nvSpPr>
        <p:spPr>
          <a:xfrm>
            <a:off x="9114396" y="1763628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3379950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384000" y="17604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249600" y="1755504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20000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ijdelijke aanduiding voor afbeelding 3">
            <a:extLst>
              <a:ext uri="{FF2B5EF4-FFF2-40B4-BE49-F238E27FC236}">
                <a16:creationId xmlns:a16="http://schemas.microsoft.com/office/drawing/2014/main" id="{55046D75-CCE2-E162-1AAE-61BF9443B069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118800" y="17568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23" name="Tijdelijke aanduiding voor tekst 11">
            <a:extLst>
              <a:ext uri="{FF2B5EF4-FFF2-40B4-BE49-F238E27FC236}">
                <a16:creationId xmlns:a16="http://schemas.microsoft.com/office/drawing/2014/main" id="{1F40C357-3374-644B-5ACF-20218DC036D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585600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24" name="Tijdelijke aanduiding voor tekst 13">
            <a:extLst>
              <a:ext uri="{FF2B5EF4-FFF2-40B4-BE49-F238E27FC236}">
                <a16:creationId xmlns:a16="http://schemas.microsoft.com/office/drawing/2014/main" id="{0B5C985C-D1E4-D0F3-E628-664A60E9DEBD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585600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9" name="Tijdelijke aanduiding voor tekst 11">
            <a:extLst>
              <a:ext uri="{FF2B5EF4-FFF2-40B4-BE49-F238E27FC236}">
                <a16:creationId xmlns:a16="http://schemas.microsoft.com/office/drawing/2014/main" id="{C22D265D-4AC3-0758-D1A8-6948A104423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320046" y="3957324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0" name="Tijdelijke aanduiding voor tekst 13">
            <a:extLst>
              <a:ext uri="{FF2B5EF4-FFF2-40B4-BE49-F238E27FC236}">
                <a16:creationId xmlns:a16="http://schemas.microsoft.com/office/drawing/2014/main" id="{F81EE500-8B22-975C-7435-8B636169B3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320046" y="4860924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2" name="Tijdelijke aanduiding voor tekst 11">
            <a:extLst>
              <a:ext uri="{FF2B5EF4-FFF2-40B4-BE49-F238E27FC236}">
                <a16:creationId xmlns:a16="http://schemas.microsoft.com/office/drawing/2014/main" id="{5BD65318-D18F-D16B-7A6E-2970458C9E6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452373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3" name="Tijdelijke aanduiding voor tekst 13">
            <a:extLst>
              <a:ext uri="{FF2B5EF4-FFF2-40B4-BE49-F238E27FC236}">
                <a16:creationId xmlns:a16="http://schemas.microsoft.com/office/drawing/2014/main" id="{6CD9CCDC-525F-BC26-0009-21EE0B83815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452373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17F1FA2F-D8A6-6D79-EDD0-6F7A455EBD7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E619E667-E628-E7EC-9041-057E7F96831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7361FC18-3DA5-08F8-7EAF-2E20FF5F4E8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6871B5A3-FA4C-1069-3CF7-EF801ACDD3A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5BBA6AF7-8ABA-B5B1-312E-FCCF3DA90FA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3" name="Rechthoek 17">
              <a:extLst>
                <a:ext uri="{FF2B5EF4-FFF2-40B4-BE49-F238E27FC236}">
                  <a16:creationId xmlns:a16="http://schemas.microsoft.com/office/drawing/2014/main" id="{830D8B5B-FD79-026B-E813-06506738FEF7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5" name="Rechthoek 18">
              <a:extLst>
                <a:ext uri="{FF2B5EF4-FFF2-40B4-BE49-F238E27FC236}">
                  <a16:creationId xmlns:a16="http://schemas.microsoft.com/office/drawing/2014/main" id="{123A0413-5A3C-E84E-C4D1-96B70D03191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6" name="Ovaal 19">
              <a:extLst>
                <a:ext uri="{FF2B5EF4-FFF2-40B4-BE49-F238E27FC236}">
                  <a16:creationId xmlns:a16="http://schemas.microsoft.com/office/drawing/2014/main" id="{E59536FD-6C72-E942-04FA-2C8CC4C29E1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7" name="Rechthoek 20">
              <a:extLst>
                <a:ext uri="{FF2B5EF4-FFF2-40B4-BE49-F238E27FC236}">
                  <a16:creationId xmlns:a16="http://schemas.microsoft.com/office/drawing/2014/main" id="{4FC7488C-5407-D318-3DC3-C98477E95E5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8" name="Ovaal 21">
              <a:extLst>
                <a:ext uri="{FF2B5EF4-FFF2-40B4-BE49-F238E27FC236}">
                  <a16:creationId xmlns:a16="http://schemas.microsoft.com/office/drawing/2014/main" id="{696380F2-581B-2245-7BC7-6DB0BEF6764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0" name="Rechthoek 22">
              <a:extLst>
                <a:ext uri="{FF2B5EF4-FFF2-40B4-BE49-F238E27FC236}">
                  <a16:creationId xmlns:a16="http://schemas.microsoft.com/office/drawing/2014/main" id="{03856B2D-5854-1D9B-2C12-88FDFABB2760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1" name="Ovaal 23">
              <a:extLst>
                <a:ext uri="{FF2B5EF4-FFF2-40B4-BE49-F238E27FC236}">
                  <a16:creationId xmlns:a16="http://schemas.microsoft.com/office/drawing/2014/main" id="{F3B6F30C-D671-2C27-75B9-F5D4624BEE7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E503373C-A8AF-7A41-3FBB-C4747F1B22B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72F44EB7-4086-FC42-1ED7-5F382696DA37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2651601A-DBC0-91F1-EB96-95884A7CB3B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4" name="Ovaal 27">
              <a:extLst>
                <a:ext uri="{FF2B5EF4-FFF2-40B4-BE49-F238E27FC236}">
                  <a16:creationId xmlns:a16="http://schemas.microsoft.com/office/drawing/2014/main" id="{5ADD75EF-E97E-3397-8AF7-386625C3E393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5" name="Rechthoek 28">
              <a:extLst>
                <a:ext uri="{FF2B5EF4-FFF2-40B4-BE49-F238E27FC236}">
                  <a16:creationId xmlns:a16="http://schemas.microsoft.com/office/drawing/2014/main" id="{93F2B291-DD10-4EDE-5D27-2FBD3BE205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6" name="Ovaal 29">
              <a:extLst>
                <a:ext uri="{FF2B5EF4-FFF2-40B4-BE49-F238E27FC236}">
                  <a16:creationId xmlns:a16="http://schemas.microsoft.com/office/drawing/2014/main" id="{A2F35EA0-F090-EB10-64DA-5687EC96970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7" name="Rechthoek 30">
              <a:extLst>
                <a:ext uri="{FF2B5EF4-FFF2-40B4-BE49-F238E27FC236}">
                  <a16:creationId xmlns:a16="http://schemas.microsoft.com/office/drawing/2014/main" id="{20C0A1E3-1E2B-B32C-FCFC-C0FF23E5EE7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8" name="Ovaal 31">
              <a:extLst>
                <a:ext uri="{FF2B5EF4-FFF2-40B4-BE49-F238E27FC236}">
                  <a16:creationId xmlns:a16="http://schemas.microsoft.com/office/drawing/2014/main" id="{FC3542A1-7CE1-DDC4-F1AB-BC27F54325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9" name="Rechthoek 32">
              <a:extLst>
                <a:ext uri="{FF2B5EF4-FFF2-40B4-BE49-F238E27FC236}">
                  <a16:creationId xmlns:a16="http://schemas.microsoft.com/office/drawing/2014/main" id="{D52F67F8-E540-EAE9-F23A-F5A52905C18D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40" name="Rechthoek 33">
              <a:extLst>
                <a:ext uri="{FF2B5EF4-FFF2-40B4-BE49-F238E27FC236}">
                  <a16:creationId xmlns:a16="http://schemas.microsoft.com/office/drawing/2014/main" id="{546B4D64-FBA2-C2EB-AED3-B6DDDB15C1B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41" name="ICOON_info">
              <a:extLst>
                <a:ext uri="{FF2B5EF4-FFF2-40B4-BE49-F238E27FC236}">
                  <a16:creationId xmlns:a16="http://schemas.microsoft.com/office/drawing/2014/main" id="{F564F1B4-5390-604D-EF1C-76F9547AB67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49" name="Ovaal 79">
                <a:extLst>
                  <a:ext uri="{FF2B5EF4-FFF2-40B4-BE49-F238E27FC236}">
                    <a16:creationId xmlns:a16="http://schemas.microsoft.com/office/drawing/2014/main" id="{7BF01CBB-0E10-3E6B-7F91-F97BD08B293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50" name="Graphic 163" descr="Informatie">
                <a:extLst>
                  <a:ext uri="{FF2B5EF4-FFF2-40B4-BE49-F238E27FC236}">
                    <a16:creationId xmlns:a16="http://schemas.microsoft.com/office/drawing/2014/main" id="{81292305-3991-CF99-160F-9717D148159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42" name="VOORBEELD">
              <a:extLst>
                <a:ext uri="{FF2B5EF4-FFF2-40B4-BE49-F238E27FC236}">
                  <a16:creationId xmlns:a16="http://schemas.microsoft.com/office/drawing/2014/main" id="{6EC707F8-5000-A102-16EE-1A3C07964E1F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3" name="Rechthoek 39">
                <a:extLst>
                  <a:ext uri="{FF2B5EF4-FFF2-40B4-BE49-F238E27FC236}">
                    <a16:creationId xmlns:a16="http://schemas.microsoft.com/office/drawing/2014/main" id="{73576A35-5927-1B13-DF36-84475173BD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4" name="Rechthoek 40">
                <a:extLst>
                  <a:ext uri="{FF2B5EF4-FFF2-40B4-BE49-F238E27FC236}">
                    <a16:creationId xmlns:a16="http://schemas.microsoft.com/office/drawing/2014/main" id="{D1C4855A-209E-2971-513F-FDB485497D02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5" name="Groep 41">
                <a:extLst>
                  <a:ext uri="{FF2B5EF4-FFF2-40B4-BE49-F238E27FC236}">
                    <a16:creationId xmlns:a16="http://schemas.microsoft.com/office/drawing/2014/main" id="{7AF31F44-2C23-A7B3-8B3F-C5A8A11D4E3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42" name="Groep 72">
                  <a:extLst>
                    <a:ext uri="{FF2B5EF4-FFF2-40B4-BE49-F238E27FC236}">
                      <a16:creationId xmlns:a16="http://schemas.microsoft.com/office/drawing/2014/main" id="{9CA05257-510D-C6A4-4B46-7BE1C7DA960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44" name="Rechte verbindingslijn 74">
                    <a:extLst>
                      <a:ext uri="{FF2B5EF4-FFF2-40B4-BE49-F238E27FC236}">
                        <a16:creationId xmlns:a16="http://schemas.microsoft.com/office/drawing/2014/main" id="{FABA94F5-A9A8-2DAF-E813-9C804A457D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5" name="Rechte verbindingslijn 75">
                    <a:extLst>
                      <a:ext uri="{FF2B5EF4-FFF2-40B4-BE49-F238E27FC236}">
                        <a16:creationId xmlns:a16="http://schemas.microsoft.com/office/drawing/2014/main" id="{B59F201F-616A-3601-C1FF-C9A5E3F8F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6" name="Rechte verbindingslijn 76">
                    <a:extLst>
                      <a:ext uri="{FF2B5EF4-FFF2-40B4-BE49-F238E27FC236}">
                        <a16:creationId xmlns:a16="http://schemas.microsoft.com/office/drawing/2014/main" id="{8042F2CA-E697-6CB7-6D2C-5A239023F80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7" name="Rechte verbindingslijn 77">
                    <a:extLst>
                      <a:ext uri="{FF2B5EF4-FFF2-40B4-BE49-F238E27FC236}">
                        <a16:creationId xmlns:a16="http://schemas.microsoft.com/office/drawing/2014/main" id="{5B40CBEE-BB81-EDBE-44F3-3596C5B4F47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8" name="Rechte verbindingslijn 78">
                    <a:extLst>
                      <a:ext uri="{FF2B5EF4-FFF2-40B4-BE49-F238E27FC236}">
                        <a16:creationId xmlns:a16="http://schemas.microsoft.com/office/drawing/2014/main" id="{6B753337-3FC6-52A9-1264-ED5C0147A1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43" name="Pijl: rechts 73">
                  <a:extLst>
                    <a:ext uri="{FF2B5EF4-FFF2-40B4-BE49-F238E27FC236}">
                      <a16:creationId xmlns:a16="http://schemas.microsoft.com/office/drawing/2014/main" id="{2C7CBCA9-D7CC-669F-647B-3657710D8B3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2">
                <a:extLst>
                  <a:ext uri="{FF2B5EF4-FFF2-40B4-BE49-F238E27FC236}">
                    <a16:creationId xmlns:a16="http://schemas.microsoft.com/office/drawing/2014/main" id="{AAE1993C-B745-D01F-592E-38BEA918D8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33" name="Groep 65">
                  <a:extLst>
                    <a:ext uri="{FF2B5EF4-FFF2-40B4-BE49-F238E27FC236}">
                      <a16:creationId xmlns:a16="http://schemas.microsoft.com/office/drawing/2014/main" id="{13825055-FBA7-75D0-E304-111E449B10B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35" name="Rechte verbindingslijn 67">
                    <a:extLst>
                      <a:ext uri="{FF2B5EF4-FFF2-40B4-BE49-F238E27FC236}">
                        <a16:creationId xmlns:a16="http://schemas.microsoft.com/office/drawing/2014/main" id="{C68B8ABF-0A81-8614-D361-C3B394F5032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68">
                    <a:extLst>
                      <a:ext uri="{FF2B5EF4-FFF2-40B4-BE49-F238E27FC236}">
                        <a16:creationId xmlns:a16="http://schemas.microsoft.com/office/drawing/2014/main" id="{DEC05C6A-741D-9049-3BDB-438B03B83E5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9" name="Rechte verbindingslijn 69">
                    <a:extLst>
                      <a:ext uri="{FF2B5EF4-FFF2-40B4-BE49-F238E27FC236}">
                        <a16:creationId xmlns:a16="http://schemas.microsoft.com/office/drawing/2014/main" id="{D10121B4-4F5D-EAF0-1417-BD9A792B82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0" name="Rechte verbindingslijn 70">
                    <a:extLst>
                      <a:ext uri="{FF2B5EF4-FFF2-40B4-BE49-F238E27FC236}">
                        <a16:creationId xmlns:a16="http://schemas.microsoft.com/office/drawing/2014/main" id="{7A603D8B-C3A1-87AB-7D5A-ADBEC3D3F1A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1" name="Rechte verbindingslijn 71">
                    <a:extLst>
                      <a:ext uri="{FF2B5EF4-FFF2-40B4-BE49-F238E27FC236}">
                        <a16:creationId xmlns:a16="http://schemas.microsoft.com/office/drawing/2014/main" id="{4951024B-691B-01EB-1AC7-8E0E4A5005E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4" name="Pijl: rechts 66">
                  <a:extLst>
                    <a:ext uri="{FF2B5EF4-FFF2-40B4-BE49-F238E27FC236}">
                      <a16:creationId xmlns:a16="http://schemas.microsoft.com/office/drawing/2014/main" id="{BDBBBEFC-9785-3783-8BDA-9E5D4A43148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7" name="Rechte verbindingslijn 43">
                <a:extLst>
                  <a:ext uri="{FF2B5EF4-FFF2-40B4-BE49-F238E27FC236}">
                    <a16:creationId xmlns:a16="http://schemas.microsoft.com/office/drawing/2014/main" id="{B812115B-9604-C916-7F9A-E342D99F0CE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8" name="Rechte verbindingslijn 44">
                <a:extLst>
                  <a:ext uri="{FF2B5EF4-FFF2-40B4-BE49-F238E27FC236}">
                    <a16:creationId xmlns:a16="http://schemas.microsoft.com/office/drawing/2014/main" id="{40F0B423-4183-1F73-3AF4-4A7C415AADD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9" name="Rechthoek 45">
                <a:extLst>
                  <a:ext uri="{FF2B5EF4-FFF2-40B4-BE49-F238E27FC236}">
                    <a16:creationId xmlns:a16="http://schemas.microsoft.com/office/drawing/2014/main" id="{49289B9A-4ADE-E8D9-D10D-7A4116369348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50" name="Rechthoek 46">
                <a:extLst>
                  <a:ext uri="{FF2B5EF4-FFF2-40B4-BE49-F238E27FC236}">
                    <a16:creationId xmlns:a16="http://schemas.microsoft.com/office/drawing/2014/main" id="{95C67420-C2D5-A4B9-3A08-31B05CE21B96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51" name="Groep 47">
                <a:extLst>
                  <a:ext uri="{FF2B5EF4-FFF2-40B4-BE49-F238E27FC236}">
                    <a16:creationId xmlns:a16="http://schemas.microsoft.com/office/drawing/2014/main" id="{4A4F88FD-3D42-9B42-0C27-F65B89D90AC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61" name="Rechthoek 57">
                  <a:extLst>
                    <a:ext uri="{FF2B5EF4-FFF2-40B4-BE49-F238E27FC236}">
                      <a16:creationId xmlns:a16="http://schemas.microsoft.com/office/drawing/2014/main" id="{7E6290F4-7B19-ECE4-B899-EBA935336A9E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62" name="Groep 58">
                  <a:extLst>
                    <a:ext uri="{FF2B5EF4-FFF2-40B4-BE49-F238E27FC236}">
                      <a16:creationId xmlns:a16="http://schemas.microsoft.com/office/drawing/2014/main" id="{10B3268C-8260-62E1-C897-0431F07742A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8" name="Rechte verbindingslijn 60">
                    <a:extLst>
                      <a:ext uri="{FF2B5EF4-FFF2-40B4-BE49-F238E27FC236}">
                        <a16:creationId xmlns:a16="http://schemas.microsoft.com/office/drawing/2014/main" id="{DB67ACC1-1584-B0C4-961A-8DE7041E57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1">
                    <a:extLst>
                      <a:ext uri="{FF2B5EF4-FFF2-40B4-BE49-F238E27FC236}">
                        <a16:creationId xmlns:a16="http://schemas.microsoft.com/office/drawing/2014/main" id="{FE889A6C-A235-A896-8221-3569A4A12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62">
                    <a:extLst>
                      <a:ext uri="{FF2B5EF4-FFF2-40B4-BE49-F238E27FC236}">
                        <a16:creationId xmlns:a16="http://schemas.microsoft.com/office/drawing/2014/main" id="{E3314203-43A7-A717-332D-C6C50E940BB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63">
                    <a:extLst>
                      <a:ext uri="{FF2B5EF4-FFF2-40B4-BE49-F238E27FC236}">
                        <a16:creationId xmlns:a16="http://schemas.microsoft.com/office/drawing/2014/main" id="{4C56BF7E-E52E-1B98-53C7-26DE9D48F0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2" name="Rechte verbindingslijn 64">
                    <a:extLst>
                      <a:ext uri="{FF2B5EF4-FFF2-40B4-BE49-F238E27FC236}">
                        <a16:creationId xmlns:a16="http://schemas.microsoft.com/office/drawing/2014/main" id="{73DD303B-3133-9EEF-55EA-7899892729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59">
                  <a:extLst>
                    <a:ext uri="{FF2B5EF4-FFF2-40B4-BE49-F238E27FC236}">
                      <a16:creationId xmlns:a16="http://schemas.microsoft.com/office/drawing/2014/main" id="{C683B43C-A6DE-64C5-A285-EEEF8E54F190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52" name="Groep 48">
                <a:extLst>
                  <a:ext uri="{FF2B5EF4-FFF2-40B4-BE49-F238E27FC236}">
                    <a16:creationId xmlns:a16="http://schemas.microsoft.com/office/drawing/2014/main" id="{F87F9F5F-8E54-4CA3-56E7-5409A970BE9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3" name="Rechthoek 49">
                  <a:extLst>
                    <a:ext uri="{FF2B5EF4-FFF2-40B4-BE49-F238E27FC236}">
                      <a16:creationId xmlns:a16="http://schemas.microsoft.com/office/drawing/2014/main" id="{B11392B8-55F5-030A-2708-7367A8D33CC4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4" name="Groep 50">
                  <a:extLst>
                    <a:ext uri="{FF2B5EF4-FFF2-40B4-BE49-F238E27FC236}">
                      <a16:creationId xmlns:a16="http://schemas.microsoft.com/office/drawing/2014/main" id="{95C5AEE5-F0BC-F0A0-CE7F-2E67DC1E31E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52">
                    <a:extLst>
                      <a:ext uri="{FF2B5EF4-FFF2-40B4-BE49-F238E27FC236}">
                        <a16:creationId xmlns:a16="http://schemas.microsoft.com/office/drawing/2014/main" id="{988C5654-1154-49A4-05A4-CFDB26AF6B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3">
                    <a:extLst>
                      <a:ext uri="{FF2B5EF4-FFF2-40B4-BE49-F238E27FC236}">
                        <a16:creationId xmlns:a16="http://schemas.microsoft.com/office/drawing/2014/main" id="{E3B24882-A79B-68A5-AC61-AA0CC2FB39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54">
                    <a:extLst>
                      <a:ext uri="{FF2B5EF4-FFF2-40B4-BE49-F238E27FC236}">
                        <a16:creationId xmlns:a16="http://schemas.microsoft.com/office/drawing/2014/main" id="{813BB43A-0D59-A13F-7A26-5F2E553D9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55">
                    <a:extLst>
                      <a:ext uri="{FF2B5EF4-FFF2-40B4-BE49-F238E27FC236}">
                        <a16:creationId xmlns:a16="http://schemas.microsoft.com/office/drawing/2014/main" id="{AD880B14-8605-8F3F-5C29-C21E0FF9B1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56">
                    <a:extLst>
                      <a:ext uri="{FF2B5EF4-FFF2-40B4-BE49-F238E27FC236}">
                        <a16:creationId xmlns:a16="http://schemas.microsoft.com/office/drawing/2014/main" id="{329D7C77-952E-6682-6F88-FF8627FF041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51">
                  <a:extLst>
                    <a:ext uri="{FF2B5EF4-FFF2-40B4-BE49-F238E27FC236}">
                      <a16:creationId xmlns:a16="http://schemas.microsoft.com/office/drawing/2014/main" id="{A9A1F28A-20BE-DE0B-9763-7D458A13FD5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51" name="INSTRUCTIE">
            <a:extLst>
              <a:ext uri="{FF2B5EF4-FFF2-40B4-BE49-F238E27FC236}">
                <a16:creationId xmlns:a16="http://schemas.microsoft.com/office/drawing/2014/main" id="{B2F83529-3D33-BDD8-844E-DD4D911C81B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52" name="Rechthoek 82">
              <a:extLst>
                <a:ext uri="{FF2B5EF4-FFF2-40B4-BE49-F238E27FC236}">
                  <a16:creationId xmlns:a16="http://schemas.microsoft.com/office/drawing/2014/main" id="{2355226B-21A8-2D9E-BAF5-F0ACAA63A4A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53" name="Rechthoek 83">
              <a:extLst>
                <a:ext uri="{FF2B5EF4-FFF2-40B4-BE49-F238E27FC236}">
                  <a16:creationId xmlns:a16="http://schemas.microsoft.com/office/drawing/2014/main" id="{DD771F3D-FB43-C243-FD85-CCA07B84BE4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54" name="Ovaal 84">
              <a:extLst>
                <a:ext uri="{FF2B5EF4-FFF2-40B4-BE49-F238E27FC236}">
                  <a16:creationId xmlns:a16="http://schemas.microsoft.com/office/drawing/2014/main" id="{61F97207-7AF8-9625-D45A-08E90CE470C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55" name="Rechthoek 85">
              <a:extLst>
                <a:ext uri="{FF2B5EF4-FFF2-40B4-BE49-F238E27FC236}">
                  <a16:creationId xmlns:a16="http://schemas.microsoft.com/office/drawing/2014/main" id="{0BEC5FF2-C330-5788-9CDA-8835D26FFCE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6" name="Groep 86">
              <a:extLst>
                <a:ext uri="{FF2B5EF4-FFF2-40B4-BE49-F238E27FC236}">
                  <a16:creationId xmlns:a16="http://schemas.microsoft.com/office/drawing/2014/main" id="{73726CDD-99F5-DB01-26A2-68AEF5732FEF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85" name="Rechthoek 115">
                <a:extLst>
                  <a:ext uri="{FF2B5EF4-FFF2-40B4-BE49-F238E27FC236}">
                    <a16:creationId xmlns:a16="http://schemas.microsoft.com/office/drawing/2014/main" id="{FD5982AF-50A2-CB66-A101-E63744E6D471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6" name="Ovaal 116">
                <a:extLst>
                  <a:ext uri="{FF2B5EF4-FFF2-40B4-BE49-F238E27FC236}">
                    <a16:creationId xmlns:a16="http://schemas.microsoft.com/office/drawing/2014/main" id="{498F5035-804A-41E5-26B3-65EED7598E6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7" name="Vrije vorm: vorm 117">
                <a:extLst>
                  <a:ext uri="{FF2B5EF4-FFF2-40B4-BE49-F238E27FC236}">
                    <a16:creationId xmlns:a16="http://schemas.microsoft.com/office/drawing/2014/main" id="{0EC7CED9-5533-276F-4D27-7DBA983058C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8" name="Rechthoek: afgeronde hoeken 118">
                <a:extLst>
                  <a:ext uri="{FF2B5EF4-FFF2-40B4-BE49-F238E27FC236}">
                    <a16:creationId xmlns:a16="http://schemas.microsoft.com/office/drawing/2014/main" id="{DB15A7DF-0859-6AC3-9D88-51762A914F3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89" name="Rechte verbindingslijn 119">
                <a:extLst>
                  <a:ext uri="{FF2B5EF4-FFF2-40B4-BE49-F238E27FC236}">
                    <a16:creationId xmlns:a16="http://schemas.microsoft.com/office/drawing/2014/main" id="{0838EAF8-7454-7BF1-85F4-23366AA4D3B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90" name="Rechte verbindingslijn 120">
                <a:extLst>
                  <a:ext uri="{FF2B5EF4-FFF2-40B4-BE49-F238E27FC236}">
                    <a16:creationId xmlns:a16="http://schemas.microsoft.com/office/drawing/2014/main" id="{756F8701-9F7A-125A-C081-E5F26CBCA7EE}"/>
                  </a:ext>
                </a:extLst>
              </p:cNvPr>
              <p:cNvCxnSpPr>
                <a:cxnSpLocks/>
                <a:stCxn id="18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57" name="Ovaal 87">
              <a:extLst>
                <a:ext uri="{FF2B5EF4-FFF2-40B4-BE49-F238E27FC236}">
                  <a16:creationId xmlns:a16="http://schemas.microsoft.com/office/drawing/2014/main" id="{83922EC9-0B43-E40E-D160-5BF6C2B7687F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58" name="Rechthoek 88">
              <a:extLst>
                <a:ext uri="{FF2B5EF4-FFF2-40B4-BE49-F238E27FC236}">
                  <a16:creationId xmlns:a16="http://schemas.microsoft.com/office/drawing/2014/main" id="{37BDC051-5269-33EA-FA89-43A862DACCE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9" name="Groep 89">
              <a:extLst>
                <a:ext uri="{FF2B5EF4-FFF2-40B4-BE49-F238E27FC236}">
                  <a16:creationId xmlns:a16="http://schemas.microsoft.com/office/drawing/2014/main" id="{E0E33EC8-E486-1519-1F50-CCFB3CC2DDC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82" name="Rechthoek 112">
                <a:extLst>
                  <a:ext uri="{FF2B5EF4-FFF2-40B4-BE49-F238E27FC236}">
                    <a16:creationId xmlns:a16="http://schemas.microsoft.com/office/drawing/2014/main" id="{B0A35C2D-45A9-2DAC-83F9-72C2957F68D6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83" name="Rechte verbindingslijn 113">
                <a:extLst>
                  <a:ext uri="{FF2B5EF4-FFF2-40B4-BE49-F238E27FC236}">
                    <a16:creationId xmlns:a16="http://schemas.microsoft.com/office/drawing/2014/main" id="{C1040B33-9877-6A7B-25AD-C253C7EFE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84" name="Gelijkbenige driehoek 114">
                <a:extLst>
                  <a:ext uri="{FF2B5EF4-FFF2-40B4-BE49-F238E27FC236}">
                    <a16:creationId xmlns:a16="http://schemas.microsoft.com/office/drawing/2014/main" id="{9A6A3EC9-B070-797A-26B1-10150D395C4F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60" name="Ovaal 90">
              <a:extLst>
                <a:ext uri="{FF2B5EF4-FFF2-40B4-BE49-F238E27FC236}">
                  <a16:creationId xmlns:a16="http://schemas.microsoft.com/office/drawing/2014/main" id="{E8BC587D-45C6-0001-00D7-245A68C3357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1" name="Rechthoek 91">
              <a:extLst>
                <a:ext uri="{FF2B5EF4-FFF2-40B4-BE49-F238E27FC236}">
                  <a16:creationId xmlns:a16="http://schemas.microsoft.com/office/drawing/2014/main" id="{E3301166-7B0B-AE42-1B45-2D7087C77386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62" name="Groep 92">
              <a:extLst>
                <a:ext uri="{FF2B5EF4-FFF2-40B4-BE49-F238E27FC236}">
                  <a16:creationId xmlns:a16="http://schemas.microsoft.com/office/drawing/2014/main" id="{D81CA1DA-4C8F-2D93-4F37-0DF9849B407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66" name="Groep 96">
                <a:extLst>
                  <a:ext uri="{FF2B5EF4-FFF2-40B4-BE49-F238E27FC236}">
                    <a16:creationId xmlns:a16="http://schemas.microsoft.com/office/drawing/2014/main" id="{6BF2725E-8F1E-0015-220E-79A513A59467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69" name="Groep 99">
                  <a:extLst>
                    <a:ext uri="{FF2B5EF4-FFF2-40B4-BE49-F238E27FC236}">
                      <a16:creationId xmlns:a16="http://schemas.microsoft.com/office/drawing/2014/main" id="{A06178F4-94C0-A0F0-7DA9-36AC2300C4E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76" name="Groep 106">
                    <a:extLst>
                      <a:ext uri="{FF2B5EF4-FFF2-40B4-BE49-F238E27FC236}">
                        <a16:creationId xmlns:a16="http://schemas.microsoft.com/office/drawing/2014/main" id="{FB888819-082C-EBBE-FD16-8AD173AAD74A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79" name="Rechthoek 109">
                      <a:extLst>
                        <a:ext uri="{FF2B5EF4-FFF2-40B4-BE49-F238E27FC236}">
                          <a16:creationId xmlns:a16="http://schemas.microsoft.com/office/drawing/2014/main" id="{F362384A-9335-038E-E55F-FEBF69C3994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0" name="Rechthoek 110">
                      <a:extLst>
                        <a:ext uri="{FF2B5EF4-FFF2-40B4-BE49-F238E27FC236}">
                          <a16:creationId xmlns:a16="http://schemas.microsoft.com/office/drawing/2014/main" id="{63FDF574-B6F0-CF53-79A3-33B7300F35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1" name="Ovaal 111">
                      <a:extLst>
                        <a:ext uri="{FF2B5EF4-FFF2-40B4-BE49-F238E27FC236}">
                          <a16:creationId xmlns:a16="http://schemas.microsoft.com/office/drawing/2014/main" id="{E45C8691-B6F5-F41D-6901-74A63BC3869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77" name="Afbeelding 107">
                    <a:extLst>
                      <a:ext uri="{FF2B5EF4-FFF2-40B4-BE49-F238E27FC236}">
                        <a16:creationId xmlns:a16="http://schemas.microsoft.com/office/drawing/2014/main" id="{8DF09D0A-1934-4859-A229-2248EA62261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78" name="Afbeelding 108">
                    <a:extLst>
                      <a:ext uri="{FF2B5EF4-FFF2-40B4-BE49-F238E27FC236}">
                        <a16:creationId xmlns:a16="http://schemas.microsoft.com/office/drawing/2014/main" id="{68063387-9F19-4885-9FE5-E497754222D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70" name="Groep 100">
                  <a:extLst>
                    <a:ext uri="{FF2B5EF4-FFF2-40B4-BE49-F238E27FC236}">
                      <a16:creationId xmlns:a16="http://schemas.microsoft.com/office/drawing/2014/main" id="{191E8EE3-5AA1-23F4-42AD-C1AA0995479C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4" name="Rechthoek 104">
                    <a:extLst>
                      <a:ext uri="{FF2B5EF4-FFF2-40B4-BE49-F238E27FC236}">
                        <a16:creationId xmlns:a16="http://schemas.microsoft.com/office/drawing/2014/main" id="{CA6368A7-2FCA-54F9-2FB9-ABF1051CBA2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5" name="Rechthoek 105">
                    <a:extLst>
                      <a:ext uri="{FF2B5EF4-FFF2-40B4-BE49-F238E27FC236}">
                        <a16:creationId xmlns:a16="http://schemas.microsoft.com/office/drawing/2014/main" id="{E0463B9D-68FA-CFD3-F905-36D76ADE14B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71" name="Groep 101">
                  <a:extLst>
                    <a:ext uri="{FF2B5EF4-FFF2-40B4-BE49-F238E27FC236}">
                      <a16:creationId xmlns:a16="http://schemas.microsoft.com/office/drawing/2014/main" id="{4DFA5F24-5E81-1FD7-DB7E-80C57F07BA28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2" name="Rechthoek 102">
                    <a:extLst>
                      <a:ext uri="{FF2B5EF4-FFF2-40B4-BE49-F238E27FC236}">
                        <a16:creationId xmlns:a16="http://schemas.microsoft.com/office/drawing/2014/main" id="{9CBD8CB1-5C3E-E975-539B-476FFB028C6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3" name="Rechthoek 103">
                    <a:extLst>
                      <a:ext uri="{FF2B5EF4-FFF2-40B4-BE49-F238E27FC236}">
                        <a16:creationId xmlns:a16="http://schemas.microsoft.com/office/drawing/2014/main" id="{5F2CBBD8-E0DC-FDED-FC9C-457CB483B55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67" name="Rechthoek 97">
                <a:extLst>
                  <a:ext uri="{FF2B5EF4-FFF2-40B4-BE49-F238E27FC236}">
                    <a16:creationId xmlns:a16="http://schemas.microsoft.com/office/drawing/2014/main" id="{77A3D142-2DB0-0D03-2955-4E575C2191C1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68" name="Gelijkbenige driehoek 98">
                <a:extLst>
                  <a:ext uri="{FF2B5EF4-FFF2-40B4-BE49-F238E27FC236}">
                    <a16:creationId xmlns:a16="http://schemas.microsoft.com/office/drawing/2014/main" id="{CA508F91-4CA4-1794-31ED-59EDA067CFF9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63" name="ICOON_info">
              <a:extLst>
                <a:ext uri="{FF2B5EF4-FFF2-40B4-BE49-F238E27FC236}">
                  <a16:creationId xmlns:a16="http://schemas.microsoft.com/office/drawing/2014/main" id="{EB04BFE6-8E1B-8451-5280-3A252B058B5E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64" name="Ovaal 94">
                <a:extLst>
                  <a:ext uri="{FF2B5EF4-FFF2-40B4-BE49-F238E27FC236}">
                    <a16:creationId xmlns:a16="http://schemas.microsoft.com/office/drawing/2014/main" id="{6031F28F-C2B5-8FA8-95A3-3ADB919D561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65" name="Graphic 163" descr="Informatie">
                <a:extLst>
                  <a:ext uri="{FF2B5EF4-FFF2-40B4-BE49-F238E27FC236}">
                    <a16:creationId xmlns:a16="http://schemas.microsoft.com/office/drawing/2014/main" id="{F58FBABB-5D6D-3F4D-EB71-54138729D302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36" name="Footer Placeholder 6">
            <a:extLst>
              <a:ext uri="{FF2B5EF4-FFF2-40B4-BE49-F238E27FC236}">
                <a16:creationId xmlns:a16="http://schemas.microsoft.com/office/drawing/2014/main" id="{8B0788EB-9A41-F86F-FB99-53F1F5F044F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37" name="Slide Number Placeholder 7">
            <a:extLst>
              <a:ext uri="{FF2B5EF4-FFF2-40B4-BE49-F238E27FC236}">
                <a16:creationId xmlns:a16="http://schemas.microsoft.com/office/drawing/2014/main" id="{7AF4C1F5-9E72-4F59-E13E-E9C9D971420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EACE26AA-1FB9-1C1F-6FF8-395EC1B6CC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71900346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ductieslide + 2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6318000" y="21420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21492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31800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300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Naam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300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0" name="Tijdelijke aanduiding voor tekst 13">
            <a:extLst>
              <a:ext uri="{FF2B5EF4-FFF2-40B4-BE49-F238E27FC236}">
                <a16:creationId xmlns:a16="http://schemas.microsoft.com/office/drawing/2014/main" id="{AD6FC8C5-9AD1-64F8-15EF-48F9A6D0904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00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sp>
        <p:nvSpPr>
          <p:cNvPr id="21" name="Tijdelijke aanduiding voor tekst 11">
            <a:extLst>
              <a:ext uri="{FF2B5EF4-FFF2-40B4-BE49-F238E27FC236}">
                <a16:creationId xmlns:a16="http://schemas.microsoft.com/office/drawing/2014/main" id="{412E871F-1AA6-C897-1BE3-8034F04C7A6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91332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Naam</a:t>
            </a:r>
            <a:endParaRPr lang="nl-NL"/>
          </a:p>
        </p:txBody>
      </p:sp>
      <p:sp>
        <p:nvSpPr>
          <p:cNvPr id="25" name="Tijdelijke aanduiding voor tekst 13">
            <a:extLst>
              <a:ext uri="{FF2B5EF4-FFF2-40B4-BE49-F238E27FC236}">
                <a16:creationId xmlns:a16="http://schemas.microsoft.com/office/drawing/2014/main" id="{5B1C22B1-9272-F59F-C8D2-3B4C007DD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1332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6" name="Tijdelijke aanduiding voor tekst 13">
            <a:extLst>
              <a:ext uri="{FF2B5EF4-FFF2-40B4-BE49-F238E27FC236}">
                <a16:creationId xmlns:a16="http://schemas.microsoft.com/office/drawing/2014/main" id="{34A5CD6C-F0CA-DE5B-04E0-0D42266211C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1332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89AF6C7B-133F-D33F-62D2-E21320118C0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8983BE86-75C9-08C7-ADB0-D3EF0C38F6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83E61E69-69B1-FBD2-BDA5-3E604F43247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4975DBD0-6BDF-1B01-EBE6-6968480F56B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6AC178A4-1A22-DE30-B1E7-CACF5F33CA0E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A8200043-48F4-BBA1-9669-5D3B8CC2681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3" name="Rechthoek 18">
              <a:extLst>
                <a:ext uri="{FF2B5EF4-FFF2-40B4-BE49-F238E27FC236}">
                  <a16:creationId xmlns:a16="http://schemas.microsoft.com/office/drawing/2014/main" id="{25FF1F3D-2B22-673E-76A6-4B4B66B96A7C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5" name="Ovaal 19">
              <a:extLst>
                <a:ext uri="{FF2B5EF4-FFF2-40B4-BE49-F238E27FC236}">
                  <a16:creationId xmlns:a16="http://schemas.microsoft.com/office/drawing/2014/main" id="{D349E819-A147-028C-C7AA-6258309356CD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" name="Rechthoek 20">
              <a:extLst>
                <a:ext uri="{FF2B5EF4-FFF2-40B4-BE49-F238E27FC236}">
                  <a16:creationId xmlns:a16="http://schemas.microsoft.com/office/drawing/2014/main" id="{127EE13E-BEF3-8722-0711-9D5D74DA01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7" name="Ovaal 21">
              <a:extLst>
                <a:ext uri="{FF2B5EF4-FFF2-40B4-BE49-F238E27FC236}">
                  <a16:creationId xmlns:a16="http://schemas.microsoft.com/office/drawing/2014/main" id="{B506AED0-8734-4105-CF89-19F8B923561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8" name="Rechthoek 22">
              <a:extLst>
                <a:ext uri="{FF2B5EF4-FFF2-40B4-BE49-F238E27FC236}">
                  <a16:creationId xmlns:a16="http://schemas.microsoft.com/office/drawing/2014/main" id="{BFA8A8B3-B483-A6BE-7565-7F208AD5A88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9" name="Ovaal 23">
              <a:extLst>
                <a:ext uri="{FF2B5EF4-FFF2-40B4-BE49-F238E27FC236}">
                  <a16:creationId xmlns:a16="http://schemas.microsoft.com/office/drawing/2014/main" id="{2ED1ECAA-5750-73E4-726D-9A9D8E1E163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3" name="Rechthoek 24">
              <a:extLst>
                <a:ext uri="{FF2B5EF4-FFF2-40B4-BE49-F238E27FC236}">
                  <a16:creationId xmlns:a16="http://schemas.microsoft.com/office/drawing/2014/main" id="{51F2D5B1-FDA6-7A6A-5E59-C6A67854B07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4" name="Ovaal 25">
              <a:extLst>
                <a:ext uri="{FF2B5EF4-FFF2-40B4-BE49-F238E27FC236}">
                  <a16:creationId xmlns:a16="http://schemas.microsoft.com/office/drawing/2014/main" id="{6018FDF4-6325-97CF-C440-4CF8A6744E38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EAA3A8EA-F8AB-1134-726E-8F67A73E089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B59E36C3-5850-64FB-3F25-4B9EB449543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52448621-37E4-2BE6-7962-004E4751DFC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AE5DE4AB-8DED-1069-884C-E048EAE1263E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2F4F59C7-7595-10B5-D208-BAE8FD00A49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509F6906-81AC-191F-2A89-BC28F3FFC4C5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33FB165F-DC80-A68B-EB19-D53B2EDD6925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E9AA0871-9C86-8780-9428-6D99A61B3A4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259131B6-89F7-5C8A-F01F-F388100CDD1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7" name="Ovaal 79">
                <a:extLst>
                  <a:ext uri="{FF2B5EF4-FFF2-40B4-BE49-F238E27FC236}">
                    <a16:creationId xmlns:a16="http://schemas.microsoft.com/office/drawing/2014/main" id="{84FBAC24-CD57-C439-AF5E-FBBC7C737FC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8" name="Graphic 163" descr="Informatie">
                <a:extLst>
                  <a:ext uri="{FF2B5EF4-FFF2-40B4-BE49-F238E27FC236}">
                    <a16:creationId xmlns:a16="http://schemas.microsoft.com/office/drawing/2014/main" id="{715CE5C0-833D-D10F-BA75-1B275196FE3F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6" name="VOORBEELD">
              <a:extLst>
                <a:ext uri="{FF2B5EF4-FFF2-40B4-BE49-F238E27FC236}">
                  <a16:creationId xmlns:a16="http://schemas.microsoft.com/office/drawing/2014/main" id="{80055319-2F3F-75C7-C0AD-8261036146F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7" name="Rechthoek 39">
                <a:extLst>
                  <a:ext uri="{FF2B5EF4-FFF2-40B4-BE49-F238E27FC236}">
                    <a16:creationId xmlns:a16="http://schemas.microsoft.com/office/drawing/2014/main" id="{3D43307B-9A42-89A6-DB45-4EE0169669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8" name="Rechthoek 40">
                <a:extLst>
                  <a:ext uri="{FF2B5EF4-FFF2-40B4-BE49-F238E27FC236}">
                    <a16:creationId xmlns:a16="http://schemas.microsoft.com/office/drawing/2014/main" id="{570738D8-5779-0A07-6D96-DECAA5D4A9F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9" name="Groep 41">
                <a:extLst>
                  <a:ext uri="{FF2B5EF4-FFF2-40B4-BE49-F238E27FC236}">
                    <a16:creationId xmlns:a16="http://schemas.microsoft.com/office/drawing/2014/main" id="{FAAC8CB1-D1F6-E967-2825-BA4788B37D6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0" name="Groep 72">
                  <a:extLst>
                    <a:ext uri="{FF2B5EF4-FFF2-40B4-BE49-F238E27FC236}">
                      <a16:creationId xmlns:a16="http://schemas.microsoft.com/office/drawing/2014/main" id="{D6EBDDCB-592F-BF3E-2C8F-296CB6D66E9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2" name="Rechte verbindingslijn 74">
                    <a:extLst>
                      <a:ext uri="{FF2B5EF4-FFF2-40B4-BE49-F238E27FC236}">
                        <a16:creationId xmlns:a16="http://schemas.microsoft.com/office/drawing/2014/main" id="{D32CA71E-953A-D365-B18F-0CC92AD8BB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3" name="Rechte verbindingslijn 75">
                    <a:extLst>
                      <a:ext uri="{FF2B5EF4-FFF2-40B4-BE49-F238E27FC236}">
                        <a16:creationId xmlns:a16="http://schemas.microsoft.com/office/drawing/2014/main" id="{4E1E4354-F706-5F99-01CB-CD00B1A3714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4" name="Rechte verbindingslijn 76">
                    <a:extLst>
                      <a:ext uri="{FF2B5EF4-FFF2-40B4-BE49-F238E27FC236}">
                        <a16:creationId xmlns:a16="http://schemas.microsoft.com/office/drawing/2014/main" id="{D6C746E8-6025-5FCD-0326-550B3DFE87C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5" name="Rechte verbindingslijn 77">
                    <a:extLst>
                      <a:ext uri="{FF2B5EF4-FFF2-40B4-BE49-F238E27FC236}">
                        <a16:creationId xmlns:a16="http://schemas.microsoft.com/office/drawing/2014/main" id="{8666F5C3-1A34-1449-807E-72177049924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8">
                    <a:extLst>
                      <a:ext uri="{FF2B5EF4-FFF2-40B4-BE49-F238E27FC236}">
                        <a16:creationId xmlns:a16="http://schemas.microsoft.com/office/drawing/2014/main" id="{47801A6B-A53F-7661-D9E2-451BFD9C1A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1" name="Pijl: rechts 73">
                  <a:extLst>
                    <a:ext uri="{FF2B5EF4-FFF2-40B4-BE49-F238E27FC236}">
                      <a16:creationId xmlns:a16="http://schemas.microsoft.com/office/drawing/2014/main" id="{7A6917C7-2B81-A60D-D78D-6A1FFC61F551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0" name="Groep 42">
                <a:extLst>
                  <a:ext uri="{FF2B5EF4-FFF2-40B4-BE49-F238E27FC236}">
                    <a16:creationId xmlns:a16="http://schemas.microsoft.com/office/drawing/2014/main" id="{BD69D80F-CC27-6DDE-F9AD-F2E189FA456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3" name="Groep 65">
                  <a:extLst>
                    <a:ext uri="{FF2B5EF4-FFF2-40B4-BE49-F238E27FC236}">
                      <a16:creationId xmlns:a16="http://schemas.microsoft.com/office/drawing/2014/main" id="{59291A26-61BD-CD3E-C6D7-CD842478E04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5" name="Rechte verbindingslijn 67">
                    <a:extLst>
                      <a:ext uri="{FF2B5EF4-FFF2-40B4-BE49-F238E27FC236}">
                        <a16:creationId xmlns:a16="http://schemas.microsoft.com/office/drawing/2014/main" id="{3BDDED96-EAE5-4615-2AFB-E2DEB036B1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68">
                    <a:extLst>
                      <a:ext uri="{FF2B5EF4-FFF2-40B4-BE49-F238E27FC236}">
                        <a16:creationId xmlns:a16="http://schemas.microsoft.com/office/drawing/2014/main" id="{F9C34A88-7579-07F9-1B12-A270D628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69">
                    <a:extLst>
                      <a:ext uri="{FF2B5EF4-FFF2-40B4-BE49-F238E27FC236}">
                        <a16:creationId xmlns:a16="http://schemas.microsoft.com/office/drawing/2014/main" id="{79EBB5F3-9192-16D2-BD3F-2C9DE1D802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0">
                    <a:extLst>
                      <a:ext uri="{FF2B5EF4-FFF2-40B4-BE49-F238E27FC236}">
                        <a16:creationId xmlns:a16="http://schemas.microsoft.com/office/drawing/2014/main" id="{B31C519B-C764-410D-26B2-20F51B3F0A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1">
                    <a:extLst>
                      <a:ext uri="{FF2B5EF4-FFF2-40B4-BE49-F238E27FC236}">
                        <a16:creationId xmlns:a16="http://schemas.microsoft.com/office/drawing/2014/main" id="{4A169603-B1F3-3ED8-0B79-BE6BFAD4A5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66">
                  <a:extLst>
                    <a:ext uri="{FF2B5EF4-FFF2-40B4-BE49-F238E27FC236}">
                      <a16:creationId xmlns:a16="http://schemas.microsoft.com/office/drawing/2014/main" id="{B2CF2CD2-0D76-360B-BB04-B701B94258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1" name="Rechte verbindingslijn 43">
                <a:extLst>
                  <a:ext uri="{FF2B5EF4-FFF2-40B4-BE49-F238E27FC236}">
                    <a16:creationId xmlns:a16="http://schemas.microsoft.com/office/drawing/2014/main" id="{37DD111B-61DF-9950-CA92-AF5A203737AE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2" name="Rechte verbindingslijn 44">
                <a:extLst>
                  <a:ext uri="{FF2B5EF4-FFF2-40B4-BE49-F238E27FC236}">
                    <a16:creationId xmlns:a16="http://schemas.microsoft.com/office/drawing/2014/main" id="{19EF3662-15C9-3B33-4797-B9D34AD8671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3" name="Rechthoek 45">
                <a:extLst>
                  <a:ext uri="{FF2B5EF4-FFF2-40B4-BE49-F238E27FC236}">
                    <a16:creationId xmlns:a16="http://schemas.microsoft.com/office/drawing/2014/main" id="{C313BC4B-0C55-761C-DCBC-03395DE776B4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4" name="Rechthoek 46">
                <a:extLst>
                  <a:ext uri="{FF2B5EF4-FFF2-40B4-BE49-F238E27FC236}">
                    <a16:creationId xmlns:a16="http://schemas.microsoft.com/office/drawing/2014/main" id="{5D382D8B-36AA-4487-C12C-1A18428AAAD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5" name="Groep 47">
                <a:extLst>
                  <a:ext uri="{FF2B5EF4-FFF2-40B4-BE49-F238E27FC236}">
                    <a16:creationId xmlns:a16="http://schemas.microsoft.com/office/drawing/2014/main" id="{56E23B25-103C-B2F6-FC54-3A607851D83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5" name="Rechthoek 57">
                  <a:extLst>
                    <a:ext uri="{FF2B5EF4-FFF2-40B4-BE49-F238E27FC236}">
                      <a16:creationId xmlns:a16="http://schemas.microsoft.com/office/drawing/2014/main" id="{CACFCEEC-D369-0F08-6EB8-735A3EC78CC7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6" name="Groep 58">
                  <a:extLst>
                    <a:ext uri="{FF2B5EF4-FFF2-40B4-BE49-F238E27FC236}">
                      <a16:creationId xmlns:a16="http://schemas.microsoft.com/office/drawing/2014/main" id="{C5631909-88C5-F7A8-6F3B-8A0AD447C21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8" name="Rechte verbindingslijn 60">
                    <a:extLst>
                      <a:ext uri="{FF2B5EF4-FFF2-40B4-BE49-F238E27FC236}">
                        <a16:creationId xmlns:a16="http://schemas.microsoft.com/office/drawing/2014/main" id="{67F942C5-7B1E-7C22-79FF-547ED2B8D5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1">
                    <a:extLst>
                      <a:ext uri="{FF2B5EF4-FFF2-40B4-BE49-F238E27FC236}">
                        <a16:creationId xmlns:a16="http://schemas.microsoft.com/office/drawing/2014/main" id="{5643D268-FBCE-0541-7DCD-FC02937FA0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2">
                    <a:extLst>
                      <a:ext uri="{FF2B5EF4-FFF2-40B4-BE49-F238E27FC236}">
                        <a16:creationId xmlns:a16="http://schemas.microsoft.com/office/drawing/2014/main" id="{7BA11060-559F-F1E1-E404-DC353A3E0C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63">
                    <a:extLst>
                      <a:ext uri="{FF2B5EF4-FFF2-40B4-BE49-F238E27FC236}">
                        <a16:creationId xmlns:a16="http://schemas.microsoft.com/office/drawing/2014/main" id="{71FB07BD-4F98-33D6-3CCD-66D5B22E47F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4">
                    <a:extLst>
                      <a:ext uri="{FF2B5EF4-FFF2-40B4-BE49-F238E27FC236}">
                        <a16:creationId xmlns:a16="http://schemas.microsoft.com/office/drawing/2014/main" id="{1365F2E6-EC30-B19C-3051-D09625A856C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59">
                  <a:extLst>
                    <a:ext uri="{FF2B5EF4-FFF2-40B4-BE49-F238E27FC236}">
                      <a16:creationId xmlns:a16="http://schemas.microsoft.com/office/drawing/2014/main" id="{CFA8E5D7-79F4-6ECF-5E56-985E9ECC3C92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8">
                <a:extLst>
                  <a:ext uri="{FF2B5EF4-FFF2-40B4-BE49-F238E27FC236}">
                    <a16:creationId xmlns:a16="http://schemas.microsoft.com/office/drawing/2014/main" id="{D15B61FB-6805-3871-D08D-7B558125976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7" name="Rechthoek 49">
                  <a:extLst>
                    <a:ext uri="{FF2B5EF4-FFF2-40B4-BE49-F238E27FC236}">
                      <a16:creationId xmlns:a16="http://schemas.microsoft.com/office/drawing/2014/main" id="{3E3AF6E6-52BD-9A18-5204-BC51DAAF94C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0">
                  <a:extLst>
                    <a:ext uri="{FF2B5EF4-FFF2-40B4-BE49-F238E27FC236}">
                      <a16:creationId xmlns:a16="http://schemas.microsoft.com/office/drawing/2014/main" id="{9C458C2D-266F-7886-15B3-C271C57ACFD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0" name="Rechte verbindingslijn 52">
                    <a:extLst>
                      <a:ext uri="{FF2B5EF4-FFF2-40B4-BE49-F238E27FC236}">
                        <a16:creationId xmlns:a16="http://schemas.microsoft.com/office/drawing/2014/main" id="{4FDDBD79-BA91-F64F-ACF7-2D932A92C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53">
                    <a:extLst>
                      <a:ext uri="{FF2B5EF4-FFF2-40B4-BE49-F238E27FC236}">
                        <a16:creationId xmlns:a16="http://schemas.microsoft.com/office/drawing/2014/main" id="{3EB56BAF-5B94-C84F-D857-480B7B9D1B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54">
                    <a:extLst>
                      <a:ext uri="{FF2B5EF4-FFF2-40B4-BE49-F238E27FC236}">
                        <a16:creationId xmlns:a16="http://schemas.microsoft.com/office/drawing/2014/main" id="{2FD83E10-3284-E742-44C9-CDA581D07D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55">
                    <a:extLst>
                      <a:ext uri="{FF2B5EF4-FFF2-40B4-BE49-F238E27FC236}">
                        <a16:creationId xmlns:a16="http://schemas.microsoft.com/office/drawing/2014/main" id="{1F7C2163-5DFB-043B-99A4-BD45EEBAC2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6">
                    <a:extLst>
                      <a:ext uri="{FF2B5EF4-FFF2-40B4-BE49-F238E27FC236}">
                        <a16:creationId xmlns:a16="http://schemas.microsoft.com/office/drawing/2014/main" id="{68F1E871-3F0D-7BB5-FF85-465731CF6D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1">
                  <a:extLst>
                    <a:ext uri="{FF2B5EF4-FFF2-40B4-BE49-F238E27FC236}">
                      <a16:creationId xmlns:a16="http://schemas.microsoft.com/office/drawing/2014/main" id="{17041490-87FD-4037-C99D-C99B5A5FF8D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9" name="INSTRUCTIE">
            <a:extLst>
              <a:ext uri="{FF2B5EF4-FFF2-40B4-BE49-F238E27FC236}">
                <a16:creationId xmlns:a16="http://schemas.microsoft.com/office/drawing/2014/main" id="{DF4245C2-6BE2-52FD-5F52-31F4398266C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0" name="Rechthoek 82">
              <a:extLst>
                <a:ext uri="{FF2B5EF4-FFF2-40B4-BE49-F238E27FC236}">
                  <a16:creationId xmlns:a16="http://schemas.microsoft.com/office/drawing/2014/main" id="{44B3D2D0-A5E8-2116-2BB3-2C72BFE44682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1" name="Rechthoek 83">
              <a:extLst>
                <a:ext uri="{FF2B5EF4-FFF2-40B4-BE49-F238E27FC236}">
                  <a16:creationId xmlns:a16="http://schemas.microsoft.com/office/drawing/2014/main" id="{284CAE48-6E2B-B2E0-F64A-D22275BF820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2" name="Ovaal 84">
              <a:extLst>
                <a:ext uri="{FF2B5EF4-FFF2-40B4-BE49-F238E27FC236}">
                  <a16:creationId xmlns:a16="http://schemas.microsoft.com/office/drawing/2014/main" id="{98E40F5C-16AA-795B-370B-012469EEB9C2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3" name="Rechthoek 85">
              <a:extLst>
                <a:ext uri="{FF2B5EF4-FFF2-40B4-BE49-F238E27FC236}">
                  <a16:creationId xmlns:a16="http://schemas.microsoft.com/office/drawing/2014/main" id="{B3842B09-44D9-C3AF-0780-349B51E9FAC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4" name="Groep 86">
              <a:extLst>
                <a:ext uri="{FF2B5EF4-FFF2-40B4-BE49-F238E27FC236}">
                  <a16:creationId xmlns:a16="http://schemas.microsoft.com/office/drawing/2014/main" id="{AE6DA8E8-2EBE-3E56-78D3-3F160FF3A6C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9" name="Rechthoek 115">
                <a:extLst>
                  <a:ext uri="{FF2B5EF4-FFF2-40B4-BE49-F238E27FC236}">
                    <a16:creationId xmlns:a16="http://schemas.microsoft.com/office/drawing/2014/main" id="{B7326A1B-0A27-203A-2FBB-1F9BACB40F23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0" name="Ovaal 116">
                <a:extLst>
                  <a:ext uri="{FF2B5EF4-FFF2-40B4-BE49-F238E27FC236}">
                    <a16:creationId xmlns:a16="http://schemas.microsoft.com/office/drawing/2014/main" id="{C3196D15-26C7-93CB-DBF6-A845927136D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1" name="Vrije vorm: vorm 117">
                <a:extLst>
                  <a:ext uri="{FF2B5EF4-FFF2-40B4-BE49-F238E27FC236}">
                    <a16:creationId xmlns:a16="http://schemas.microsoft.com/office/drawing/2014/main" id="{FDEE5E1C-ED7E-E943-887C-4FFE43762F95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2" name="Rechthoek: afgeronde hoeken 118">
                <a:extLst>
                  <a:ext uri="{FF2B5EF4-FFF2-40B4-BE49-F238E27FC236}">
                    <a16:creationId xmlns:a16="http://schemas.microsoft.com/office/drawing/2014/main" id="{63CC4C22-3EE4-6ED2-6F18-1E225F7109E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3" name="Rechte verbindingslijn 119">
                <a:extLst>
                  <a:ext uri="{FF2B5EF4-FFF2-40B4-BE49-F238E27FC236}">
                    <a16:creationId xmlns:a16="http://schemas.microsoft.com/office/drawing/2014/main" id="{B9EF5593-3D82-0A88-2424-F8A7A6B3B51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4" name="Rechte verbindingslijn 120">
                <a:extLst>
                  <a:ext uri="{FF2B5EF4-FFF2-40B4-BE49-F238E27FC236}">
                    <a16:creationId xmlns:a16="http://schemas.microsoft.com/office/drawing/2014/main" id="{1B12811D-A47C-42B3-046A-DE9981F9C4BF}"/>
                  </a:ext>
                </a:extLst>
              </p:cNvPr>
              <p:cNvCxnSpPr>
                <a:cxnSpLocks/>
                <a:stCxn id="222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5" name="Ovaal 87">
              <a:extLst>
                <a:ext uri="{FF2B5EF4-FFF2-40B4-BE49-F238E27FC236}">
                  <a16:creationId xmlns:a16="http://schemas.microsoft.com/office/drawing/2014/main" id="{588FEB5A-CF58-3B45-5108-4AD7553B3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2" name="Rechthoek 88">
              <a:extLst>
                <a:ext uri="{FF2B5EF4-FFF2-40B4-BE49-F238E27FC236}">
                  <a16:creationId xmlns:a16="http://schemas.microsoft.com/office/drawing/2014/main" id="{E12A25FF-9D26-19F0-46D5-7C05BB339264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3" name="Groep 89">
              <a:extLst>
                <a:ext uri="{FF2B5EF4-FFF2-40B4-BE49-F238E27FC236}">
                  <a16:creationId xmlns:a16="http://schemas.microsoft.com/office/drawing/2014/main" id="{24A57BC5-C382-D1C8-3ACB-F4A423F368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6" name="Rechthoek 112">
                <a:extLst>
                  <a:ext uri="{FF2B5EF4-FFF2-40B4-BE49-F238E27FC236}">
                    <a16:creationId xmlns:a16="http://schemas.microsoft.com/office/drawing/2014/main" id="{D27CC359-7A2C-062E-46CF-F93E5EB7C8A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7" name="Rechte verbindingslijn 113">
                <a:extLst>
                  <a:ext uri="{FF2B5EF4-FFF2-40B4-BE49-F238E27FC236}">
                    <a16:creationId xmlns:a16="http://schemas.microsoft.com/office/drawing/2014/main" id="{3E628029-80FA-052E-4E62-FA990CB82679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8" name="Gelijkbenige driehoek 114">
                <a:extLst>
                  <a:ext uri="{FF2B5EF4-FFF2-40B4-BE49-F238E27FC236}">
                    <a16:creationId xmlns:a16="http://schemas.microsoft.com/office/drawing/2014/main" id="{E2D46ED7-3786-2E78-D087-9E0DE4C8991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4" name="Ovaal 90">
              <a:extLst>
                <a:ext uri="{FF2B5EF4-FFF2-40B4-BE49-F238E27FC236}">
                  <a16:creationId xmlns:a16="http://schemas.microsoft.com/office/drawing/2014/main" id="{B8CA2DF0-D574-62EC-DB68-CAAA7090710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5" name="Rechthoek 91">
              <a:extLst>
                <a:ext uri="{FF2B5EF4-FFF2-40B4-BE49-F238E27FC236}">
                  <a16:creationId xmlns:a16="http://schemas.microsoft.com/office/drawing/2014/main" id="{C079F441-99BD-5094-DEC9-D3BADB52BE3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6" name="Groep 92">
              <a:extLst>
                <a:ext uri="{FF2B5EF4-FFF2-40B4-BE49-F238E27FC236}">
                  <a16:creationId xmlns:a16="http://schemas.microsoft.com/office/drawing/2014/main" id="{A3CEEBAD-A45E-F5A6-55CD-EF8137E210E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0" name="Groep 96">
                <a:extLst>
                  <a:ext uri="{FF2B5EF4-FFF2-40B4-BE49-F238E27FC236}">
                    <a16:creationId xmlns:a16="http://schemas.microsoft.com/office/drawing/2014/main" id="{D621A7C2-F39A-1FF7-2512-37411F016BA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3" name="Groep 99">
                  <a:extLst>
                    <a:ext uri="{FF2B5EF4-FFF2-40B4-BE49-F238E27FC236}">
                      <a16:creationId xmlns:a16="http://schemas.microsoft.com/office/drawing/2014/main" id="{7C72D60E-C7B0-5892-00DA-A5A0531C558A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0" name="Groep 106">
                    <a:extLst>
                      <a:ext uri="{FF2B5EF4-FFF2-40B4-BE49-F238E27FC236}">
                        <a16:creationId xmlns:a16="http://schemas.microsoft.com/office/drawing/2014/main" id="{4B133238-2B12-3423-5AE1-7E7C93C9C8B0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3" name="Rechthoek 109">
                      <a:extLst>
                        <a:ext uri="{FF2B5EF4-FFF2-40B4-BE49-F238E27FC236}">
                          <a16:creationId xmlns:a16="http://schemas.microsoft.com/office/drawing/2014/main" id="{308A8166-01A6-F141-59D2-6D3497A6BB6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4" name="Rechthoek 110">
                      <a:extLst>
                        <a:ext uri="{FF2B5EF4-FFF2-40B4-BE49-F238E27FC236}">
                          <a16:creationId xmlns:a16="http://schemas.microsoft.com/office/drawing/2014/main" id="{6A7375B2-4203-D612-C510-26E0282CB1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5" name="Ovaal 111">
                      <a:extLst>
                        <a:ext uri="{FF2B5EF4-FFF2-40B4-BE49-F238E27FC236}">
                          <a16:creationId xmlns:a16="http://schemas.microsoft.com/office/drawing/2014/main" id="{0F368126-056C-A73C-D4D3-A66AA62A43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1" name="Afbeelding 107">
                    <a:extLst>
                      <a:ext uri="{FF2B5EF4-FFF2-40B4-BE49-F238E27FC236}">
                        <a16:creationId xmlns:a16="http://schemas.microsoft.com/office/drawing/2014/main" id="{F3DD7F50-454A-6894-F491-9C7AE2669A5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2" name="Afbeelding 108">
                    <a:extLst>
                      <a:ext uri="{FF2B5EF4-FFF2-40B4-BE49-F238E27FC236}">
                        <a16:creationId xmlns:a16="http://schemas.microsoft.com/office/drawing/2014/main" id="{87825084-5313-1933-3A06-66C9C6DAC4E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4" name="Groep 100">
                  <a:extLst>
                    <a:ext uri="{FF2B5EF4-FFF2-40B4-BE49-F238E27FC236}">
                      <a16:creationId xmlns:a16="http://schemas.microsoft.com/office/drawing/2014/main" id="{FAF15AB9-5DC4-C963-DDFC-D679029FF10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8" name="Rechthoek 104">
                    <a:extLst>
                      <a:ext uri="{FF2B5EF4-FFF2-40B4-BE49-F238E27FC236}">
                        <a16:creationId xmlns:a16="http://schemas.microsoft.com/office/drawing/2014/main" id="{70B6B562-DDFC-0BE1-F2C6-43F5B0956ED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9" name="Rechthoek 105">
                    <a:extLst>
                      <a:ext uri="{FF2B5EF4-FFF2-40B4-BE49-F238E27FC236}">
                        <a16:creationId xmlns:a16="http://schemas.microsoft.com/office/drawing/2014/main" id="{68721FF6-0A90-2F1B-B6B4-FDD38B9B92E1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5" name="Groep 101">
                  <a:extLst>
                    <a:ext uri="{FF2B5EF4-FFF2-40B4-BE49-F238E27FC236}">
                      <a16:creationId xmlns:a16="http://schemas.microsoft.com/office/drawing/2014/main" id="{43326BC8-3323-0C36-5849-93DB7ABBB4E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6" name="Rechthoek 102">
                    <a:extLst>
                      <a:ext uri="{FF2B5EF4-FFF2-40B4-BE49-F238E27FC236}">
                        <a16:creationId xmlns:a16="http://schemas.microsoft.com/office/drawing/2014/main" id="{72763D46-6644-7A68-4AA1-6DB40E2C781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7" name="Rechthoek 103">
                    <a:extLst>
                      <a:ext uri="{FF2B5EF4-FFF2-40B4-BE49-F238E27FC236}">
                        <a16:creationId xmlns:a16="http://schemas.microsoft.com/office/drawing/2014/main" id="{EC8C98C9-860F-C172-31B2-B693243AEB6C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1" name="Rechthoek 97">
                <a:extLst>
                  <a:ext uri="{FF2B5EF4-FFF2-40B4-BE49-F238E27FC236}">
                    <a16:creationId xmlns:a16="http://schemas.microsoft.com/office/drawing/2014/main" id="{C2B64046-B538-7684-BA7C-FD1E2DECBCAC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2" name="Gelijkbenige driehoek 98">
                <a:extLst>
                  <a:ext uri="{FF2B5EF4-FFF2-40B4-BE49-F238E27FC236}">
                    <a16:creationId xmlns:a16="http://schemas.microsoft.com/office/drawing/2014/main" id="{8EF94E97-EDD0-43CE-D781-2867E2AA1781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7" name="ICOON_info">
              <a:extLst>
                <a:ext uri="{FF2B5EF4-FFF2-40B4-BE49-F238E27FC236}">
                  <a16:creationId xmlns:a16="http://schemas.microsoft.com/office/drawing/2014/main" id="{FFE4E074-D625-8CB2-5A2B-06BF9F83CD21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8" name="Ovaal 94">
                <a:extLst>
                  <a:ext uri="{FF2B5EF4-FFF2-40B4-BE49-F238E27FC236}">
                    <a16:creationId xmlns:a16="http://schemas.microsoft.com/office/drawing/2014/main" id="{8702103D-5CBD-CCA7-1430-79AC3005F98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9" name="Graphic 163" descr="Informatie">
                <a:extLst>
                  <a:ext uri="{FF2B5EF4-FFF2-40B4-BE49-F238E27FC236}">
                    <a16:creationId xmlns:a16="http://schemas.microsoft.com/office/drawing/2014/main" id="{A086C492-1628-AA99-E2E7-AEEB482A1C0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6" name="Footer Placeholder 6">
            <a:extLst>
              <a:ext uri="{FF2B5EF4-FFF2-40B4-BE49-F238E27FC236}">
                <a16:creationId xmlns:a16="http://schemas.microsoft.com/office/drawing/2014/main" id="{6883D260-093E-ADD8-17DB-5A9EDAA2A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7" name="Slide Number Placeholder 7">
            <a:extLst>
              <a:ext uri="{FF2B5EF4-FFF2-40B4-BE49-F238E27FC236}">
                <a16:creationId xmlns:a16="http://schemas.microsoft.com/office/drawing/2014/main" id="{6B60B8A1-CA68-040A-1D5C-84C3F567DDC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26673199-EA6C-8972-2E3A-C0BCE0E95A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3484960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310800" y="1764000"/>
            <a:ext cx="5364000" cy="4575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Klik op onderstaand pictogram om een object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BB9BC3EB-9B74-A431-63E2-B6349827645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14350" y="1763999"/>
            <a:ext cx="5364163" cy="45756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l-NL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5EC69B2-66AC-380D-6E51-68CB8D31D8A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C565ECD-DAA1-17CC-FE77-D73F459F916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03F06579-BAAB-D410-8003-E0ACEBC04030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6A8C6D6E-82D5-3B66-C031-2AF9C87ABFB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6C800646-19AF-3D34-129A-3052E6BC418D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8D493FBE-4E46-E706-EC63-44BE950C6490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A189BD35-2952-D9E9-D9FD-ACAE6FBD991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0E362328-01D9-F7CD-1D13-46F276F082DF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F30AA226-72DB-0407-3007-281E3679E0E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A37F598-47EB-4E9E-B9CF-A232C1E85CF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F6626CF7-58DD-BB03-97C0-929F93AC443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948387F3-B095-1A5F-4080-7240B39463E4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6E02791-7859-4BC0-8331-4145B46E8A72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CA127BD4-FC7D-5F3F-03D6-DD3EF21F242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48A25060-AFDB-9D95-9D57-2CC1E2F5F3E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C09D7625-3611-B630-BDD0-51C55EEF768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24931BFE-97DE-A173-8ECD-53044CC06AD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157EC837-C711-CFF9-4E82-D3B69A6658B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F17CACA-1554-8DA0-592A-7F5D87F100F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13F4C5E-FCE4-8591-8438-2B724FB5C9C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AD1B1374-F766-0199-5EDE-407FA368ABE1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612DBEA-8F41-CD34-E6E8-AE0BBC16C6C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779CD1BA-C160-4744-FE18-7D35D0EF133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E04FD7F4-5B52-912F-8198-BEED8A61F32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D437F8F7-3B5E-84D7-552A-0C0B59A908A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35D6843-C9AD-B5F4-11D5-75C717BC4F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26BF6796-ECD7-88F9-446D-6FDF9015C050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91D04AB-4295-81E4-9421-9D6053E0FDB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9055B0BC-6DD0-2F7A-79F1-9BC6DF1B43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8F686129-4F67-F0EB-DCE8-067557A7B2C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AA7554BD-BEF2-EADE-5CA3-3C78C6FC4A5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76C4B7C0-0BF9-09E4-1EBD-D1AB775312B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92F7B1C8-4413-0FB5-B406-48572F11339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E5C04A9C-A819-194A-781E-6EB4BBDEFB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7D2FF1BB-B65E-0263-FD92-6A9869B507B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482BD9ED-BAA5-FE45-811D-295CA43BF83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35688C78-B52D-EC82-C38C-F7F2B2F8AB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5E38C3A6-9D16-E099-301B-26ABD0B6D15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1E26F7C4-B030-C5BC-DDA6-97EF6E226D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198802B8-7A75-1A16-D0A6-8C32E482E6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A9D88D61-0A7E-D489-7615-B5D5F7B0579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65365C91-E80E-7384-0609-D853E3D897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F13C219D-FA71-3F72-6E54-B31DCDCDD0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A6C6740-2621-3C00-AD40-2A3AA2944AF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5807542F-66F2-DF7F-F7CD-D69534590EE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4BCF917E-608C-4126-E3C0-464AB181806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D3413402-AE5E-024B-3F83-475A0E64C9FE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18259DD-A3C7-AE09-BAFA-FE2475889B8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D2411BF1-561E-DDD4-FA32-C42FD55B9F9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6BCF18EB-FEB5-92B1-3F15-1BCBC9E0D5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198876C1-B3B4-F84B-FC81-4F4763A4F8A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8A68BD33-33A2-9B1F-48EC-96A71660C9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257E06C4-82C1-A86B-F3F0-064B9ED683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9FAFF761-8E2A-2FF5-EC70-F77EB972D6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C32D9EC1-291F-3B69-E2DE-59EE8FE360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C0ECEBC-C698-42DF-3B56-C5B27D69E9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08DAE689-F56A-F25B-9F1D-4E13BCF63B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F8A4A1A4-DB82-418B-1836-20097126702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DBAC45-5E2E-53FA-832E-D66F674FC6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769F35E6-764A-2726-7BB2-CCEB4926DA7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F67253D8-5C67-2EA7-CB9F-DD3ECA0FC6E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C1077406-0390-49BB-A526-FCC90B6EC5E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D0907D72-F777-BA89-E309-224E1B971F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BA5BC112-0BFB-A29B-852C-E5A3B41F959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512ED6FD-264E-F10B-B1D6-FA3B63F9668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0865A563-2AC0-9968-8B60-B8E7C3545B4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55A9AB4A-34C0-7B73-C49A-15F80ECAF58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EFC786D6-1792-EF7A-D16D-02F4411DFBE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C038EC-ABB2-34F4-B88D-50597AA9FE7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98BD435A-DBA5-1BAB-7CDB-7262A38AAFD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6778532-4EF9-6FFA-F2ED-F6E55D3AB85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531BF68B-9B3F-3EDB-9FDE-8707237151B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8D0B46-0560-8EDC-174D-304C1FB5067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7F5D835D-9817-B697-AEBF-5DBAA740614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5280CBFC-D760-6C70-F4EC-04D77F0C9C6D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60A7294C-D130-BD0B-2D4B-D44A5555452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6BC61E2E-2B09-B83E-2F51-D6166C1889D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408CCCFA-30D9-2D0C-77A6-B00050878906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8B012825-528B-633B-D49F-018620D1F438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1A167009-364D-C67C-F543-403F89A48CFA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2FE683B3-766F-CF61-7D9C-81C45B35348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2350E98F-40C1-BBF1-8789-B5A0A5D595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6106E856-0BCC-A3DB-EE15-3EA7F5FCC38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E7963AD-D076-9468-E136-2FD5CBEA353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787E8BEB-3432-F022-D53C-919D8D43AC5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6D8C8607-02E6-0A47-555C-CF7CA7BEFD8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4819C37E-EE5D-4CA9-3052-90DE1ABD438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C521CB6A-7A4C-BA02-E8FF-29521EE5653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040C1F25-2BF0-3A0E-E7C3-12CDD9C1180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D993BC9-9721-BFD0-67CF-4871C73B20CC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A6895BC-F02C-F434-4CC8-3CEE42C3D0F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A5E5BB9E-7B1F-3021-AA25-741CD49391C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618A32D8-CFC4-5157-A0F1-90114D79475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2A3E9AE5-F7F4-3829-D309-3B72F6FD926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050FC0F9-98D6-CE4A-234C-69BB50CF0D8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BC956B51-6A1A-BB6D-1556-4780A2B18E6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FBA0727-35FF-306E-4CD9-C16190FCA5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9AB065F0-35E7-81C7-53B1-021C3C48052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166EEF2C-6722-00CA-3FF1-85B0099FE75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FB651475-FDAA-E29E-A9EB-367242B1C67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3E28773-848C-7B91-5304-717103890DA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42F006B-69E2-08E4-3525-3C419B4866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BD4D00F9-412D-7503-97BD-99D59318C1DB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CDCC20C0-385C-90F4-D2FF-D6285513AFE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409A7501-BD89-7133-3ACC-CBDE6048C4A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5ACA6A52-1A1E-DC3B-E88A-45DFD970D39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9922344A-53B2-7E66-5158-36A9AAD37EC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E91AD8F5-378B-CBF6-4924-40410A4D829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7A461D5-FBCB-5A24-85B2-15431C8D58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709200"/>
            <a:ext cx="11185486" cy="8856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57705705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89600" y="1760400"/>
            <a:ext cx="11184913" cy="4557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object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0DB300A9-5E61-BB93-E333-08A227F1326F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8D8CDE4D-05C6-8CDE-7919-B0ED56196F1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853E48B2-52BF-A393-1A80-ADCB3F7903E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FA96DD4C-9780-8559-E9DC-F9084849194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AB972A96-89DC-0781-44BF-CB0709A0C04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BBF447A5-ADDC-838D-407E-D62200345B1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C492E622-AAC2-5DCF-7D2E-98B091F35340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B4639BCC-60F9-DC8C-568A-E2621661183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DC3C0E7-76AD-F191-5AD1-CAAB23E3EEAD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FE842C6-1020-C810-B417-C0D6AA666451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5640B1FA-B5B7-5C5D-34FD-AD674D703B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F0348164-9A85-20F5-3701-6DEC839A22F1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2350AB17-8DAF-68D4-99AA-9A8B9AC841A1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71AD58AC-4F1B-0A6E-CB22-0E46D7C8D0FB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CE3DE530-BE0E-698D-5309-E9810234570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39053436-96DD-6AF0-7EA8-9755EFB14C3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4751A96F-87CD-D2EC-5EF0-0BD1C23FD76E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1B0D975-27F4-E1ED-B61C-196769467D3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02AD2716-4E39-0E1C-B217-BAF0C520614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E8837ACF-780B-7C4A-21D8-C1BC26AB2D4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9A6E8B2-0B99-042F-BD9B-A8F27CB5AB3C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1CCA00D1-D012-E8A5-A0B4-90FA43264E2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C48BBA8E-A2BC-D5B2-B85D-31ADF909F11B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2AD8241-3719-5B9D-08E6-0418F7304F2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22C5018F-9ACB-52F6-3441-A47F375014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2D060A5D-CA5E-5B20-1270-F7A57A2FA3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0829A9A8-5F9B-B06E-C5A8-2876817A7AC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531E5D7-FC93-53F1-AA68-3DAE23E6F1D7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0A198418-BD8F-2B2F-BF04-987C4812A79B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3793BD55-3ED0-9F45-2DFC-3E974EF824B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4FC2706E-8688-FBC1-C2B6-31A1032F132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982C634C-1DF1-0243-E785-567D270F93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A909557B-2E70-D324-6D00-C98CFC0687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F634630B-CA93-1859-EAE5-9787416410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752CD4F5-B014-DCCA-EC02-F61E785AEBC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8758FDB-F10A-5BFB-91FF-33E603FA409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FCA28E68-87F9-6416-8916-617761FA33C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E6F0CAA2-9253-E8D4-6511-80B70D01AB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C57DDBD8-4348-E6E8-6094-455895F4B3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5DE2A0F5-0C52-2D2C-6620-9160A37E32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04A12F08-11A5-FCFE-654F-72ECC62208A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94F9ECC2-1627-7715-0C33-1CFE4C9019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6992542-5B1A-D0E8-10D1-5C1BF3D102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65B99A98-D12F-446A-27F4-6B4E8A99793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B0A57DED-095C-094B-98FF-4203A6B991F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95BA5A65-960C-8A54-6423-6F8E6C097A2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43596C6-7B55-BE7C-A2FF-7F01BE7BFD8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74832C18-2E22-AB75-2107-68B3A9AAD5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166733B3-092A-5549-8921-C4A520FFE5D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8628B12D-EA8A-D607-9623-76F427F4795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B88E69E-96A0-EAF7-C123-C8441A128C9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9490A2E6-9A4C-885D-0885-759A650AD4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C41A2345-4265-44AE-0885-D2CBF78182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75277629-18A0-91EB-E94C-0F6918E50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3B08C-5090-9EBD-46F9-7ABE641DDA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85F61B1E-C9EB-F48B-CCED-6644F1D97F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96A12215-068F-118B-C9DA-970A401595C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B7DAEFB-5B3B-FFB9-CFC7-FC96CD86E53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05D85777-756C-C5FD-632F-2092F0FC8602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B85B1886-D54E-29C1-7DC8-4E77EF42620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3DAAE7F8-ABD1-888F-E8DB-CDEE441C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BBFF14B8-2304-B83E-DB04-ED85A4D344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C10DFE9-A24C-C49B-0A61-0E57C8F7B1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341DD620-6DAF-F0E5-2CCE-C70BE0A9AE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C9A2BF0E-CE71-B5E0-3AB0-84D87C8CF44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EEA18C99-3834-A293-E532-026E409559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FDCF615-3E6B-B0E5-A669-A4CF1D5BA339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7D3390A9-FABF-F34E-2913-9C0D7907A64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8F62DB8A-81E7-0FDE-3F97-839A4B414832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714550F-44D9-F7E7-5573-016AD47404B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031D998D-366D-2701-AA0B-AAD07320370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ABFAC34F-E62F-A375-0FE7-798D8408365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F57B49F2-CB55-525B-C5B8-3B316B868A5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45962390-A13F-6ACA-4B75-7C53E6180FA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AD3EB141-15FB-FBA6-5A4B-ABA6A95FFF1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977163B8-73FB-6F26-88BD-4DCEEA4E5B20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DC222A35-EF0A-83E3-BE44-2DA37EB0788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6146CB44-E6A8-AAF8-6545-17FFFD390B69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EDA93720-DB1C-F5CB-7A80-E72A31FC628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09108EEB-5CBA-9F9E-11C7-FD0B015D4CB6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4E02711D-2029-5983-6D0E-44579FB9A67F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EAB922FB-35DC-CD14-F63F-8F81622E4B5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DB8E56A9-2384-7B0E-E3B0-E7DA5D19000D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D7B9F6D-8DC6-3603-21D7-73E636C231D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F1FE4428-81B7-CF2D-4A91-741C651E0CF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143C1E73-EDFC-26C9-061D-7D38ED2F9FD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0D099950-6FEF-E4B9-0250-822D19C81D6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0618FD5F-4F75-49DC-40D4-979C8303303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B3DC4E1B-3D54-AD19-1498-8114A98CEA4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B212D55F-6B5F-7BB6-C56C-5FE14DCEF21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36F257DF-B6C7-D8F6-DED5-243B59082A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ADB49CA3-CA71-8458-2AEE-576E6C3EB203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F5A4A94D-96D8-961A-AB4B-41AE017AB6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50A8BF1B-467B-9B84-7C9D-B25916D6099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9B07B27E-AD63-7361-AA75-45ED1E35279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22C3245D-0C4C-3640-6654-23C86171DDF0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572359AE-4604-2EA4-03EA-75ECF188D6F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BA7CBA40-2B73-4D49-8DDF-D64918496E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24041322-F9BA-C267-3CC8-F1F16773E88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C8DD4470-83B2-0490-43C7-25C5E21B898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B528078B-8AC8-3D97-4BBB-E620F458A4E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93BA2116-A7E7-9482-0DB0-ECB3E022713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F2829B5F-B70A-1698-B8F5-4EE6177B5140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3235D8DA-D470-3ECB-1BB8-CA553A9025B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25EB719D-4ABC-6FEE-5A01-498466E501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81B0F98F-62FC-C98B-4110-8E025985FD69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2D00FE94-9DDC-4D08-FA4A-95D714D5F74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1F08F683-6D17-102D-6BE6-19540D079A5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1E6CBC9-32FB-3E5B-F5FB-287AC4F402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27000117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Foto + Tekst (horizonta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7B12653-C554-53B4-723D-32144F65D7B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89314" y="4932000"/>
            <a:ext cx="11148649" cy="1017280"/>
          </a:xfrm>
        </p:spPr>
        <p:txBody>
          <a:bodyPr numCol="2" spcCol="180000">
            <a:normAutofit/>
          </a:bodyPr>
          <a:lstStyle>
            <a:lvl4pPr>
              <a:defRPr sz="1600"/>
            </a:lvl4pPr>
          </a:lstStyle>
          <a:p>
            <a:pPr lvl="0"/>
            <a:r>
              <a:rPr lang="en-US" sz="1600" noProof="0"/>
              <a:t>Click to edit Master text styles</a:t>
            </a:r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396B9FD5-7AB6-EC28-CC47-D24984029009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1"/>
            <a:ext cx="12192000" cy="34308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489F90D7-E7F0-C374-4EE4-C17F2AF6AAC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E2C9EBFA-DAD3-3D91-04AE-C4DED504051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772D666-8940-2E0A-1F7B-6766E7C586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22570D98-1B78-494D-6385-4848CD69CD3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A2CFFC0C-C769-143C-DC32-77DE616C944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D4C87E45-C424-FC32-5A5B-5E5C5DACAC5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E928FAAC-E2A1-2C3E-8DEA-730BEF27BEB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EACFBA2F-9B9F-CDC6-C1FC-7C68C7197D5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8CC545AA-4153-B04F-DC31-A41EC7D99C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7ED9D9D1-17FB-B8EB-BA42-8D10F59275E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9C00D525-E6BF-4DB4-3982-1F8124E4B0A5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072F76D3-394E-86E8-46DB-C355AF625747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27ECBDE1-8FBF-C982-6AFA-98BE10FCFB0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599423C1-B7CC-FA64-52ED-5B9FC47C11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EC330F33-419F-00CE-C79A-454C3AE38E66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C15CA9E9-6C84-F1CB-D210-749570755B9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1C3E9312-CBC0-D951-1D26-9333A31339D2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613C3120-03EF-B61D-6B96-857D6E767C2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C306134D-61AA-2CD0-F98C-70B04C3F08B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2C5787BC-F003-57D2-91F0-E9F239F44B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CC84C7D9-E3CD-50E5-EA0E-3B5B06D751D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BF39E288-DF21-0C4A-C9B0-371E45D4833E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6DCFDB79-8E51-9B82-D585-59281C985A2C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F59CAFC9-592A-9963-E901-32E8900007D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36BB7B9-60EA-7A32-436F-818BB9C91B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2826E648-7B41-382F-AF90-BBFCDBC306A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9E0B001A-EB32-C6C8-C9DB-54DDD5F2ED0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9007A4B2-ED59-C08B-A88A-1274BFC50F7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D2D6BDC0-D3D7-C477-1D84-C2F9ACDE868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97FDFABE-B151-BC0B-A553-075236B23F4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5DD86E97-1876-FE12-868D-4022AFE7B0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DBC3564-56D9-4FF8-8A7F-A7521AB690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B53D7AE5-460E-F0DB-97D5-A815913753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DF438170-7B83-CDDA-0A3F-11BE27FBED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4A4E84C8-DEF5-3576-E20C-383A3F434B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F08D83AD-6E27-757F-2DF8-804D0E08B17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416DFCEE-896B-8151-3065-DB638701747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11AC44A9-4EFA-7F23-8E4F-FD996C2F7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F32F3289-A68E-A892-7558-D60BBBE3E1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AB37C4E1-E1E7-31D7-7537-8F63AEC92E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2B3F3047-06C7-FB66-AF3E-01D92FE85E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35C5D526-8BA2-FDD9-9EE9-E1D4153A8F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8CBC1B95-6114-6036-5B92-6F33756FED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DF6C20D8-8184-F33C-3C3C-6A3FE23DCB6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F6D26BFD-14D8-1AB5-908F-D881B45C3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6223910A-3DE2-1EB4-EF14-8399EB6115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3F0847E8-C805-207D-4980-466F430C3E4A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7F3EBED4-1EE9-C51D-433D-E08059CDCDB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AA1343C9-B6AC-BAFB-9F5F-B3704C424F8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FCD063CC-72D5-79E8-3FC4-0C086F487CE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C2D2D0A6-A68B-1639-7E15-78DC128E8B8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84B3AAF0-1F6E-1A94-DA18-BEAE30B3717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FE215F88-8CCE-755E-C05F-9E49E2D5F1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91221289-94C0-6A81-F5E7-FA2558EBE6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0FF5F044-D0EB-103D-440F-E5ECE527FA9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DEAD500A-6607-9973-BC7E-2FBFCAF6FD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60FDC0FA-8B88-2602-14CD-998C4277363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A0D94996-534D-9996-9B11-F0EEEE176AC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45218751-8A30-C4B9-4279-05CC3D166A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20EDE4F7-E915-BA53-50F8-C180A01007D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98591751-AE29-20BB-B443-33E1F9F510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396B5474-5403-3573-724B-8E12D3EFC94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37280E6C-0116-CE6E-624E-23FEA5C865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4D971F6C-C448-849D-6115-722DC2484D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EDB36AFB-6931-1C43-AA58-3797135CC5C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2BBA4EB0-68E3-35A3-EA74-275CB96112A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22778902-79F8-CB59-D689-F76997D525E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0484702E-3C34-ABDE-277C-638EC2A9D6B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4" name="Rechthoek 83">
              <a:extLst>
                <a:ext uri="{FF2B5EF4-FFF2-40B4-BE49-F238E27FC236}">
                  <a16:creationId xmlns:a16="http://schemas.microsoft.com/office/drawing/2014/main" id="{5286D5AA-497C-24A8-FCA7-800279980A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341B7F65-178D-1456-C825-9E672F5324E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2AD89D8A-8A81-0192-4C01-79632E11361F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1DC4EDF1-C74E-34D0-0B48-614CBE288E75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8AC73788-89FD-C70D-49BD-57FC93333CA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76725170-95FF-B82A-75FB-6C58209BB702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26143A0C-15C1-2D4D-682A-65F89C324094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57192CC5-3C82-F764-1435-6B4D66D97E0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DB0FB12D-DFF7-3EF3-97CE-A931D56D75B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F68FEAC9-BECD-0D81-3872-2F4804B5ADF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B7B00929-8C09-F7C3-187E-9D96CC307CC4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F9D15DC6-E921-EDFB-8EB6-2EC46BF05B75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F183FF50-6E3C-D7E5-FDD7-6CC3FF95B38B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C57AABA4-AFE6-EA4F-2C44-AD97F6614C1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11085E02-99F7-1869-11BC-A4B9BCBECF7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04C27CB9-EB98-5C13-1B1E-6B933CC4DD2E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AF9D2944-C7CC-69A6-7855-A951A1BB1B1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A1D06E6C-7E35-B233-874E-3B732257512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CBF6CF16-9CA1-2E0D-DED9-EB6CF213FED0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69A987A6-6451-9AC6-3B66-F978222479AA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550BE313-7FA7-D07E-43AC-F47C12BBF6C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04D9FD6A-212D-1583-C9C8-5BDBC40DF7CB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1C30640-F023-3CF7-5F98-679E5E9D4E7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7381CDA3-59EB-7239-13FB-75499945A32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111229CA-5796-7B0A-A365-4767B5FE47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333BEBBB-F676-CDE4-C246-264D1EFB049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690B4511-1512-F960-E41B-CAA1E699B9D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5668E211-B1D5-617F-260B-E20BE9EF8FF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212EE205-73C7-CF33-3299-F45B6360522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456E5AFF-E3B4-AE6D-E272-6B518E8E97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90E12C8E-03DA-62C4-AB9F-7F128DB8073A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BCCD0BB0-D8CB-3DC5-52DC-3E994CDD2755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8944C194-BF5C-2A8A-FDE4-A4764AED3E7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D0D24120-EA75-6A34-9185-C6598AF3DC45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DA68C868-899D-FBA2-BB74-8E2A630F87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370C3FC7-8C91-28CA-4D75-0695E6F5A07F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C53AA06-166B-CDB6-EEE8-1962DC83C86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1FCF79FC-1283-7F1B-0999-06F6DFBA589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Rechthoek 6">
            <a:extLst>
              <a:ext uri="{FF2B5EF4-FFF2-40B4-BE49-F238E27FC236}">
                <a16:creationId xmlns:a16="http://schemas.microsoft.com/office/drawing/2014/main" id="{722B1566-416D-0C34-EF79-3C94A5D0A011}"/>
              </a:ext>
            </a:extLst>
          </p:cNvPr>
          <p:cNvSpPr/>
          <p:nvPr userDrawn="1"/>
        </p:nvSpPr>
        <p:spPr>
          <a:xfrm>
            <a:off x="0" y="0"/>
            <a:ext cx="12192000" cy="712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6B13347-54A0-8929-8FD4-AC90D3BE439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1CBEEFD5-EA09-EEE9-2603-47AD83B6C3E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59C6B23-C043-39EB-58F8-6E99C9CD9D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3755738"/>
            <a:ext cx="11148649" cy="885600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9284167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00f308bb-2f78-4d08-b95c-51474d49439e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10 januari 2023</a:t>
            </a:r>
          </a:p>
        </p:txBody>
      </p:sp>
      <p:sp>
        <p:nvSpPr>
          <p:cNvPr id="115" name="Footer Placeholder 114">
            <a:extLst>
              <a:ext uri="{FF2B5EF4-FFF2-40B4-BE49-F238E27FC236}">
                <a16:creationId xmlns:a16="http://schemas.microsoft.com/office/drawing/2014/main" id="{908DC43B-B3FB-B53A-BED8-B429C144A97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6" name="Slide Number Placeholder 115">
            <a:extLst>
              <a:ext uri="{FF2B5EF4-FFF2-40B4-BE49-F238E27FC236}">
                <a16:creationId xmlns:a16="http://schemas.microsoft.com/office/drawing/2014/main" id="{4B21DDF2-E6F0-E235-2F5E-F9A8E618C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3BBB4576-B4AA-F985-8129-8D1CDD6A7284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61BDF0E3-5709-9165-9F0A-0FD28CB2905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A11A84C-C9B9-DDB2-00B3-38D30391E7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5FD0BE1C-52FF-83D8-1A65-2DD821799B18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4" name="Ovaal 16">
              <a:extLst>
                <a:ext uri="{FF2B5EF4-FFF2-40B4-BE49-F238E27FC236}">
                  <a16:creationId xmlns:a16="http://schemas.microsoft.com/office/drawing/2014/main" id="{06D09098-D451-131A-267C-FEC7961F258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5" name="Rechthoek 17">
              <a:extLst>
                <a:ext uri="{FF2B5EF4-FFF2-40B4-BE49-F238E27FC236}">
                  <a16:creationId xmlns:a16="http://schemas.microsoft.com/office/drawing/2014/main" id="{14322C9D-3FF8-DC56-19FF-688D22FDF1CC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6" name="Rechthoek 18">
              <a:extLst>
                <a:ext uri="{FF2B5EF4-FFF2-40B4-BE49-F238E27FC236}">
                  <a16:creationId xmlns:a16="http://schemas.microsoft.com/office/drawing/2014/main" id="{D7971572-6CB8-19EA-A010-13716256258B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7" name="Ovaal 19">
              <a:extLst>
                <a:ext uri="{FF2B5EF4-FFF2-40B4-BE49-F238E27FC236}">
                  <a16:creationId xmlns:a16="http://schemas.microsoft.com/office/drawing/2014/main" id="{84DFF9B7-8293-E07F-7940-E7F434A7ED8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8" name="Rechthoek 20">
              <a:extLst>
                <a:ext uri="{FF2B5EF4-FFF2-40B4-BE49-F238E27FC236}">
                  <a16:creationId xmlns:a16="http://schemas.microsoft.com/office/drawing/2014/main" id="{B123C1F8-6229-04DF-CB87-BD44258D2999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79" name="Ovaal 21">
              <a:extLst>
                <a:ext uri="{FF2B5EF4-FFF2-40B4-BE49-F238E27FC236}">
                  <a16:creationId xmlns:a16="http://schemas.microsoft.com/office/drawing/2014/main" id="{B85609BF-08D4-443C-A258-E19AB2F2D0D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0" name="Rechthoek 22">
              <a:extLst>
                <a:ext uri="{FF2B5EF4-FFF2-40B4-BE49-F238E27FC236}">
                  <a16:creationId xmlns:a16="http://schemas.microsoft.com/office/drawing/2014/main" id="{520E4BDA-0EB6-3A70-4E47-7B425F290287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1" name="Ovaal 23">
              <a:extLst>
                <a:ext uri="{FF2B5EF4-FFF2-40B4-BE49-F238E27FC236}">
                  <a16:creationId xmlns:a16="http://schemas.microsoft.com/office/drawing/2014/main" id="{30243F83-B8B2-02DF-3192-7026734D4D2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2" name="Rechthoek 24">
              <a:extLst>
                <a:ext uri="{FF2B5EF4-FFF2-40B4-BE49-F238E27FC236}">
                  <a16:creationId xmlns:a16="http://schemas.microsoft.com/office/drawing/2014/main" id="{302F8072-DCA0-47D5-5848-A4D295583AD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3" name="Ovaal 25">
              <a:extLst>
                <a:ext uri="{FF2B5EF4-FFF2-40B4-BE49-F238E27FC236}">
                  <a16:creationId xmlns:a16="http://schemas.microsoft.com/office/drawing/2014/main" id="{0C3FBAFF-6380-A095-9665-0E67391E69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4" name="Rechthoek 26">
              <a:extLst>
                <a:ext uri="{FF2B5EF4-FFF2-40B4-BE49-F238E27FC236}">
                  <a16:creationId xmlns:a16="http://schemas.microsoft.com/office/drawing/2014/main" id="{EB3D017D-8AAF-1AE5-303A-C0899BEB889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5" name="Ovaal 27">
              <a:extLst>
                <a:ext uri="{FF2B5EF4-FFF2-40B4-BE49-F238E27FC236}">
                  <a16:creationId xmlns:a16="http://schemas.microsoft.com/office/drawing/2014/main" id="{CC5011A4-5B0C-91D6-BFED-2D526610B162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6" name="Rechthoek 28">
              <a:extLst>
                <a:ext uri="{FF2B5EF4-FFF2-40B4-BE49-F238E27FC236}">
                  <a16:creationId xmlns:a16="http://schemas.microsoft.com/office/drawing/2014/main" id="{B5A4E4FC-EE2F-721B-AA81-04A50A61F71C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7" name="Ovaal 29">
              <a:extLst>
                <a:ext uri="{FF2B5EF4-FFF2-40B4-BE49-F238E27FC236}">
                  <a16:creationId xmlns:a16="http://schemas.microsoft.com/office/drawing/2014/main" id="{935BE12B-62DE-5EC8-61C9-0FD204CC0926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8" name="Rechthoek 30">
              <a:extLst>
                <a:ext uri="{FF2B5EF4-FFF2-40B4-BE49-F238E27FC236}">
                  <a16:creationId xmlns:a16="http://schemas.microsoft.com/office/drawing/2014/main" id="{B40023D1-CB33-1E92-53A5-1D196857437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9" name="Ovaal 31">
              <a:extLst>
                <a:ext uri="{FF2B5EF4-FFF2-40B4-BE49-F238E27FC236}">
                  <a16:creationId xmlns:a16="http://schemas.microsoft.com/office/drawing/2014/main" id="{F02F6B07-1ED4-3C9A-BD80-8037182770EF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0" name="Rechthoek 32">
              <a:extLst>
                <a:ext uri="{FF2B5EF4-FFF2-40B4-BE49-F238E27FC236}">
                  <a16:creationId xmlns:a16="http://schemas.microsoft.com/office/drawing/2014/main" id="{6D32B69E-ECF7-AF1C-20BD-D1B9924F2670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1" name="Rechthoek 33">
              <a:extLst>
                <a:ext uri="{FF2B5EF4-FFF2-40B4-BE49-F238E27FC236}">
                  <a16:creationId xmlns:a16="http://schemas.microsoft.com/office/drawing/2014/main" id="{D1EB93B1-ED79-589E-CE83-43355C37C04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2" name="ICOON_info">
              <a:extLst>
                <a:ext uri="{FF2B5EF4-FFF2-40B4-BE49-F238E27FC236}">
                  <a16:creationId xmlns:a16="http://schemas.microsoft.com/office/drawing/2014/main" id="{0C09B1A5-FEBB-7108-93BC-1DAEE6064BD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5EE9E87B-5881-3B51-F0C8-830E0982F9E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B23044F4-B4C4-23FC-C58F-79872B00D1D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3" name="VOORBEELD">
              <a:extLst>
                <a:ext uri="{FF2B5EF4-FFF2-40B4-BE49-F238E27FC236}">
                  <a16:creationId xmlns:a16="http://schemas.microsoft.com/office/drawing/2014/main" id="{93CD1BB4-1746-9165-FFD7-8C325405A6E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4" name="Rechthoek 39">
                <a:extLst>
                  <a:ext uri="{FF2B5EF4-FFF2-40B4-BE49-F238E27FC236}">
                    <a16:creationId xmlns:a16="http://schemas.microsoft.com/office/drawing/2014/main" id="{EFB12400-B2F1-4FAD-1189-42D4C712E0F1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5" name="Rechthoek 40">
                <a:extLst>
                  <a:ext uri="{FF2B5EF4-FFF2-40B4-BE49-F238E27FC236}">
                    <a16:creationId xmlns:a16="http://schemas.microsoft.com/office/drawing/2014/main" id="{063E3DEE-F0ED-FF09-92ED-6E8065DD17D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6" name="Groep 41">
                <a:extLst>
                  <a:ext uri="{FF2B5EF4-FFF2-40B4-BE49-F238E27FC236}">
                    <a16:creationId xmlns:a16="http://schemas.microsoft.com/office/drawing/2014/main" id="{10BA8812-6174-3D71-A319-90BBD1E9F7DD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46F273F-0C02-2B77-EE49-3E4D859A467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4C8C1E88-411F-924E-449F-0C54C61A17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2282F6AF-FF80-6B88-BC84-F2721CADBF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F298AE5E-9F51-004E-80E9-AB1E51E390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05222B91-0CE6-2C5C-408C-84127A71BDC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CE2A87FF-9474-B11F-8F27-AC1D325423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0C3D807B-F738-6D12-BD07-05A87620EF8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7" name="Groep 42">
                <a:extLst>
                  <a:ext uri="{FF2B5EF4-FFF2-40B4-BE49-F238E27FC236}">
                    <a16:creationId xmlns:a16="http://schemas.microsoft.com/office/drawing/2014/main" id="{94390946-64EF-9AFE-4647-B0E2078769D2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DAEA595-2F23-C67D-FF31-E8113EA58D5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702073D6-3F57-9A37-F526-34173EC75B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F3689E47-3B04-9A17-BDD6-8DE3FA00CA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D6E0CF48-0FCB-308F-FA9C-BCE911AE1E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4B6687EB-D01C-B7C7-A5BC-B88688B19A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F21AA8B8-491D-8F4B-4BAB-D6A21DA999D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840A8E76-A52B-C143-377B-30D7B4A00B0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8" name="Rechte verbindingslijn 43">
                <a:extLst>
                  <a:ext uri="{FF2B5EF4-FFF2-40B4-BE49-F238E27FC236}">
                    <a16:creationId xmlns:a16="http://schemas.microsoft.com/office/drawing/2014/main" id="{655B4A5E-7D8C-36D2-4D3C-A222C3A6E89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99" name="Rechte verbindingslijn 44">
                <a:extLst>
                  <a:ext uri="{FF2B5EF4-FFF2-40B4-BE49-F238E27FC236}">
                    <a16:creationId xmlns:a16="http://schemas.microsoft.com/office/drawing/2014/main" id="{650CB058-8805-6AA7-C186-307C868C542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0" name="Rechthoek 45">
                <a:extLst>
                  <a:ext uri="{FF2B5EF4-FFF2-40B4-BE49-F238E27FC236}">
                    <a16:creationId xmlns:a16="http://schemas.microsoft.com/office/drawing/2014/main" id="{B5635E3D-3981-B2BE-CCF8-83688B2C6F1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1" name="Rechthoek 46">
                <a:extLst>
                  <a:ext uri="{FF2B5EF4-FFF2-40B4-BE49-F238E27FC236}">
                    <a16:creationId xmlns:a16="http://schemas.microsoft.com/office/drawing/2014/main" id="{CA77FE05-6CB0-F058-C415-3960B93E1CA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2" name="Groep 47">
                <a:extLst>
                  <a:ext uri="{FF2B5EF4-FFF2-40B4-BE49-F238E27FC236}">
                    <a16:creationId xmlns:a16="http://schemas.microsoft.com/office/drawing/2014/main" id="{D5FB97DD-A424-53AC-D724-44FFC494E6E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2" name="Rechthoek 57">
                  <a:extLst>
                    <a:ext uri="{FF2B5EF4-FFF2-40B4-BE49-F238E27FC236}">
                      <a16:creationId xmlns:a16="http://schemas.microsoft.com/office/drawing/2014/main" id="{C4293359-2923-2A62-6640-0EB42CCBD60D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3" name="Groep 58">
                  <a:extLst>
                    <a:ext uri="{FF2B5EF4-FFF2-40B4-BE49-F238E27FC236}">
                      <a16:creationId xmlns:a16="http://schemas.microsoft.com/office/drawing/2014/main" id="{0DA05B73-6E75-4577-11C1-788B7DC035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7" name="Rechte verbindingslijn 60">
                    <a:extLst>
                      <a:ext uri="{FF2B5EF4-FFF2-40B4-BE49-F238E27FC236}">
                        <a16:creationId xmlns:a16="http://schemas.microsoft.com/office/drawing/2014/main" id="{818B4802-040C-2801-D26A-9EDB07E28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55E36B22-A364-3CEC-2452-2327E2314D0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6E07F687-CF1B-8EED-AA98-BB4CAE8F61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06AA6F83-34B9-6C57-A509-09AF71C602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3EE0758C-5CC4-43CD-5589-13A4ABE9D0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4" name="Pijl: rechts 59">
                  <a:extLst>
                    <a:ext uri="{FF2B5EF4-FFF2-40B4-BE49-F238E27FC236}">
                      <a16:creationId xmlns:a16="http://schemas.microsoft.com/office/drawing/2014/main" id="{4A6EC7FC-CCA8-75CE-67E0-DA8937A479B3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3" name="Groep 48">
                <a:extLst>
                  <a:ext uri="{FF2B5EF4-FFF2-40B4-BE49-F238E27FC236}">
                    <a16:creationId xmlns:a16="http://schemas.microsoft.com/office/drawing/2014/main" id="{6250F444-7DC1-D093-B4CC-AFEAA4784CC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4" name="Rechthoek 49">
                  <a:extLst>
                    <a:ext uri="{FF2B5EF4-FFF2-40B4-BE49-F238E27FC236}">
                      <a16:creationId xmlns:a16="http://schemas.microsoft.com/office/drawing/2014/main" id="{8EA92CAD-E4BC-A9F0-6876-28DC085B289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5" name="Groep 50">
                  <a:extLst>
                    <a:ext uri="{FF2B5EF4-FFF2-40B4-BE49-F238E27FC236}">
                      <a16:creationId xmlns:a16="http://schemas.microsoft.com/office/drawing/2014/main" id="{9EF08243-8C6E-3CE1-0B0C-CFD179AD293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7" name="Rechte verbindingslijn 52">
                    <a:extLst>
                      <a:ext uri="{FF2B5EF4-FFF2-40B4-BE49-F238E27FC236}">
                        <a16:creationId xmlns:a16="http://schemas.microsoft.com/office/drawing/2014/main" id="{E0824CE7-1F4B-0A79-9B5F-A862595743A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8" name="Rechte verbindingslijn 53">
                    <a:extLst>
                      <a:ext uri="{FF2B5EF4-FFF2-40B4-BE49-F238E27FC236}">
                        <a16:creationId xmlns:a16="http://schemas.microsoft.com/office/drawing/2014/main" id="{18303AF5-0CCC-B4E1-7F89-63FAD4DD00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4">
                    <a:extLst>
                      <a:ext uri="{FF2B5EF4-FFF2-40B4-BE49-F238E27FC236}">
                        <a16:creationId xmlns:a16="http://schemas.microsoft.com/office/drawing/2014/main" id="{B12F1A4D-A3F0-80A4-3803-25D249334D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5">
                    <a:extLst>
                      <a:ext uri="{FF2B5EF4-FFF2-40B4-BE49-F238E27FC236}">
                        <a16:creationId xmlns:a16="http://schemas.microsoft.com/office/drawing/2014/main" id="{EEF50779-738D-0F3B-13EE-37CC8120799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6">
                    <a:extLst>
                      <a:ext uri="{FF2B5EF4-FFF2-40B4-BE49-F238E27FC236}">
                        <a16:creationId xmlns:a16="http://schemas.microsoft.com/office/drawing/2014/main" id="{B87A26DF-B8D9-3728-4766-721E725B13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6" name="Pijl: rechts 51">
                  <a:extLst>
                    <a:ext uri="{FF2B5EF4-FFF2-40B4-BE49-F238E27FC236}">
                      <a16:creationId xmlns:a16="http://schemas.microsoft.com/office/drawing/2014/main" id="{673C78B9-A1C7-2314-9D8B-81405CE990D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DE72EAEF-3260-0044-BF04-E4DEFAC8D0D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C11A5F8E-7C8A-189D-6B87-B50F9F339B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2BE59990-B032-65BE-C177-8376CCBE26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E19FD96B-C793-A779-3CDC-764FADB0035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1A0D46D8-F993-6456-725F-7D9FE255433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C72B5D67-1275-14AE-0F75-FD8888ECF2E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F4842D33-3BA9-EA34-0BF9-8059B66EA52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E664FBDA-D743-8C48-4304-BD6E104F661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C9281841-4229-2310-8806-524C8DC6056A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F2CC1DDB-3216-B95F-077A-6A3EEA7CB17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C7E2EBE8-22B1-2F87-74E5-CBF50B47D23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F3EA82CB-F264-3052-ECA3-BF1CF71B57DB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D02587B7-F773-19E3-0C44-9E3A7D931226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B0CAE23D-7068-6996-B251-9BCC724F234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54BE0199-3EC4-4276-458D-2B9AF7C6C15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9486801D-BA3A-D265-E743-6F60331C53A9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B9C00D6C-72A3-E7EF-520B-79A1F00CB1BE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FA4932F4-161F-8376-A816-CF8DF3D4E562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E43C8D68-123B-94D0-822B-51F52EE4EFC7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23CB55B5-392F-7E6A-EA14-25C750CD3A9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A74F1514-CF15-0BFC-57EB-9A2A43E1CFEB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C1B861B7-301F-866E-14ED-8EA113C14321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55EF2D3E-A242-4065-3DA2-F5032621942C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CE4AEA0B-D693-33F4-9099-AF803DB5A4DE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C18B8D12-CA04-EE64-BB9B-9AC7809F999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21A09345-9265-ED20-BC59-15C0F59AE2D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63FA995D-437C-B99E-ED3A-81E05EDFEC2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A4F98F83-66AF-1D3C-52E0-8F854BE7EB7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27AE6E00-26D7-67E1-7370-7C397DAF2ED9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E04EDC0E-1AB6-7322-B51A-741CA77F05B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FD5C13C-7734-6E43-B297-BD56060FF60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F2A86273-53D1-B881-0DC6-8B853E3D459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2C1A9304-29EC-E877-1869-CD1BECA37083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05393A2B-6240-9D7E-0557-DA3E0FBCF1A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CEE5E238-B717-CB91-8D35-73BDE4E2AC52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20279915-C2B8-9DF8-8BCD-F7A55EE272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A9898F09-5A0D-9C4F-FBA4-8B381C2690DF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9F3790B9-553A-525C-CB3A-9EF9661D1CF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E442B542-DD3F-0250-ECC1-B340D1C579A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0B0954C9-58A2-E594-BE54-58C83B9A0FE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8" name="Text Placeholder 117">
            <a:extLst>
              <a:ext uri="{FF2B5EF4-FFF2-40B4-BE49-F238E27FC236}">
                <a16:creationId xmlns:a16="http://schemas.microsoft.com/office/drawing/2014/main" id="{ADC4EB20-B72F-972B-5501-EBBE74867D5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89600" y="1760400"/>
            <a:ext cx="11184396" cy="43596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l-NL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CA56E50-04BC-6B67-627F-D5862BBEA0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997602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+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fff058b3-5c2e-45f3-a132-9a4651260861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10 januari 2023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9138EE77-12CD-4388-1A79-C9266911327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6" name="Rechthoek 13">
              <a:extLst>
                <a:ext uri="{FF2B5EF4-FFF2-40B4-BE49-F238E27FC236}">
                  <a16:creationId xmlns:a16="http://schemas.microsoft.com/office/drawing/2014/main" id="{747E17C5-D128-3836-A35B-CB754C6FA8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148BAC8E-D358-A7EC-2D2C-3E957E48A68D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630096AF-04B6-2C8E-0DF6-D145C4F425E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2C155A28-70D8-C070-70A3-C8BE44724C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C0C2B78-5D1C-68DB-C6AA-6168EB54534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BD45D3D3-409F-2DD2-0672-E1517635212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A60346F6-2E6E-8849-0867-0D64576A3B7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A7C17295-062C-668C-6AD8-29C2A2B44E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EDCBF15-2116-BA71-F378-E4447867C6AA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5C976372-2A3C-DB7C-A939-4481A8C38EF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6674F8EC-BE9F-35B5-F0D9-9099A3699AC5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9A0B4AD4-D349-C26B-1CB5-2B01C66EA744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6194A41A-AFBB-8CF1-E323-D4924ADE7024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BE4BD6EE-86BC-45C0-6E3E-B66DE23BD557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62B1A0AB-9C19-5916-627B-3C4F7F4FCF5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9D44FD9B-63FC-961E-764A-BB1541D6A509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DC9B2BAF-F2B3-44CD-EBCB-A46CB12A90F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3242397-93AC-0C9B-6A01-E3EF533675B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77D013A0-BD04-A933-04F9-22E40596617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DBF86B3E-7260-DC04-5030-504D46D5102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1165641B-500D-B617-8B26-7BB4715A8E56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63325900-1A3D-64B2-1169-30A38A7CA091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BFFA410A-450F-2256-366D-1D19F9F859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3BCAE021-961A-E8A4-8DF5-41CAD654740A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E18E91C-43DA-68F0-6D04-548ED66FB90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724AA061-4EAC-2BC1-AF90-4B462329C7D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A20A51C7-B408-233E-C10B-812B78A4AC26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0C55CC41-0CFB-758A-B760-5360D712B8D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2C33DC60-67B4-A72F-F688-A7219482181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74699060-C193-DDB9-03D4-2B0EF5865D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6658C5D9-3EFA-7E38-0B08-C43FB0D75B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1739A57B-93DE-36C6-FFC7-D5C80B9572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88769A8E-45D2-B03A-206B-4427B9B6944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AE9ED96F-488A-F019-B241-F332EEF068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A95DB10E-88A5-F8CA-04BA-91F765E4E98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1290A26F-17FB-EDE3-1C48-A92280361D2C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AA711D34-648D-A1F8-ED62-DE30F4B8E26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A5BA4EEB-91BB-51CF-1FBA-EA7743A234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D181EA01-14CD-7C62-8CC3-773BBB03FD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D05EF5AE-BA2C-6E48-F0FD-51F108F003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015CCCC8-202B-BFEC-594F-4256C2F51A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31F49431-D5E8-02B5-3115-9695A7B1AA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8181C77-E7C2-2BA9-4EA0-F30D06B21E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E01BC927-2E52-C067-7805-6F60F392AB3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6970B2E4-D63F-A444-3625-F790485D7AE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0483CB15-9A9E-7B85-3D2B-ABECB7ECD95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197849D9-7C1C-7077-4078-29E0D5BA84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E285D7F2-8213-F91D-3061-827B81414A9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18023E93-5A5B-266C-6A79-8E9C30AAF3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6D4290C7-FA62-87E2-F290-F9C9F82B5D4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6D924CBA-FF84-15B6-8399-E1F40F81BC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D3D1DFE1-2DFA-AC1E-9DA1-A52042F1F6F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A5E6D5B3-B19E-6E03-508D-E07D8310870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F2F18CC0-6BCF-26D1-C170-C3B29791C3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23D85D63-C3A7-E2DC-B64A-DF6DCA474FE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13D0A60-DBF0-DFE1-EEE4-4FCFB3B14BB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795EB97E-754D-4B0F-019B-E9EB63227F5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5D41DB0-DEF8-1D63-1930-4AFE9C10A578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B5E12653-69CC-D303-D159-6B716F18A0C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A5BFC7AC-999A-703E-979C-2099C18B19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F45916DB-E5A5-CF49-95BB-E0133F8924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CEEF983B-6C58-1CCB-C8C5-C32F742692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C174AC93-833A-4AC9-0F21-D6800BC15D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6ED813F4-BD70-43DE-9104-92D8D561F45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44C5C06-D3F2-6BB3-1896-4D4F161350C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6F970FB2-F801-98EC-E9BD-67167850C45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6E221429-311C-49CB-A171-A3A87227E0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52C44EF8-31BB-DA9D-5954-BC53A8D02D0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A4DFB8CB-4C24-8288-A81A-988B0846307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309465CE-946D-792E-40C8-BD43367336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F43B89EC-67DF-04D2-E5D7-2F7AB2D28E42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163965-5C35-B987-C7F8-C899C0805ECA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A2AC8B22-ED3C-6164-62B1-B020B2398A3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1DDE16B7-B9D4-9B9D-6FE7-1AD4F5EF5D32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2846413D-4EA4-EBE4-23F2-385CFC950A0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FB0DE423-2A16-4D32-66D6-A02416CA140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11B7B171-68F6-2313-D968-3A1EA314B03D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98A3EC6B-9DD1-D69E-56C8-94C841EA3F5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47ECE0ED-1AD6-D08C-789F-07B296179AAC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BDA3A9E-07BA-D0F2-B1DA-835E1F3927A4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082C7057-4953-B3B2-14BE-7576129BE2C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549E1862-3FA0-9FC5-C6D3-A0A420CDA312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A1113038-9EF5-D29D-F4E0-63452F5E06C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A5FA74E7-1209-1F63-67CB-FC4E5C81621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4093D69D-C6A7-631E-B3D6-57739DB4338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9B70FE31-A66A-F00D-C227-84F07F22543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C0B52DD-6CBD-8E3D-E3CE-D43328C5FB9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1090FBB5-B40E-8844-96C3-D46D927A539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5BD82650-4C3A-9B82-F5B8-537A06D16E6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8F2C6ED7-911C-F2F8-4B1D-B900915C0CF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126320EC-45D9-C3A1-227C-D0FC77C99FE1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0E5D7D2-1958-B7AE-4650-F39179BECF64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849D6F6F-B957-A48A-8720-7D24EB0946B4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9B3EDBA7-F86B-7230-AD8F-09568375133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00515F1D-0EB4-648F-5A7F-8E12619349E8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CEF06F35-00D2-06E2-67BF-F8E5B5ADA34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FB859D9-8CD5-8CF7-7BFB-8C9E9C360A0D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EE9A4E10-2734-98E7-F442-97338B6EF55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AB84304A-4DC1-D71C-CE2F-700E6241520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9BB979A-2E90-C5A1-CE2D-21A477FA66C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E1791467-6210-1E94-F46D-9F81412041A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2AAAF62B-3EDD-0C52-8D73-900BEBDC1A92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D102B9CD-A436-8992-E49D-F0B640D0866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62493E82-1A67-8FDD-FFF9-56272AABECE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BD68280-2D4B-79AD-7266-D09884909EA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2E93BC-D579-24EA-AB1E-37DFA9C2AB20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4" name="Slide Number Placeholder 113">
            <a:extLst>
              <a:ext uri="{FF2B5EF4-FFF2-40B4-BE49-F238E27FC236}">
                <a16:creationId xmlns:a16="http://schemas.microsoft.com/office/drawing/2014/main" id="{BC80E1B7-13E1-0F85-C65A-9CD26A159D9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119" name="Content Placeholder 117">
            <a:extLst>
              <a:ext uri="{FF2B5EF4-FFF2-40B4-BE49-F238E27FC236}">
                <a16:creationId xmlns:a16="http://schemas.microsoft.com/office/drawing/2014/main" id="{0522E1B8-1A69-BDA3-C415-C8D9BF6F2C8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489314" y="1760399"/>
            <a:ext cx="11184682" cy="43596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l-NL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6AD7EA4-C550-DCF7-8E67-AA93A46C62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18152878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0% Tekst 3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882800"/>
            <a:ext cx="7675200" cy="871200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r>
              <a:rPr lang="en-US" noProof="0"/>
              <a:t>Click to edit Master title style</a:t>
            </a:r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719200" y="0"/>
            <a:ext cx="34704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CC518B6E-A900-0AD0-CBF3-9B3A57F32DF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4350" y="3067200"/>
            <a:ext cx="7675563" cy="22392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8D4C4C79-2D7A-5D57-379D-F6D84C50744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F9EFA42-A257-263B-D531-F201F8E8520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ECFEE480-732B-5706-6E44-C33CF8732E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6" name="Rechthoek 15">
              <a:extLst>
                <a:ext uri="{FF2B5EF4-FFF2-40B4-BE49-F238E27FC236}">
                  <a16:creationId xmlns:a16="http://schemas.microsoft.com/office/drawing/2014/main" id="{40EFE12B-9C7E-98F3-703C-4F12E9E9936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5" name="Ovaal 16">
              <a:extLst>
                <a:ext uri="{FF2B5EF4-FFF2-40B4-BE49-F238E27FC236}">
                  <a16:creationId xmlns:a16="http://schemas.microsoft.com/office/drawing/2014/main" id="{2EFAE728-5BD3-51F2-FB6C-CEF9789C19D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6" name="Rechthoek 17">
              <a:extLst>
                <a:ext uri="{FF2B5EF4-FFF2-40B4-BE49-F238E27FC236}">
                  <a16:creationId xmlns:a16="http://schemas.microsoft.com/office/drawing/2014/main" id="{40AA1E5F-0A8E-6D25-BB5E-025CBA527F9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7" name="Rechthoek 18">
              <a:extLst>
                <a:ext uri="{FF2B5EF4-FFF2-40B4-BE49-F238E27FC236}">
                  <a16:creationId xmlns:a16="http://schemas.microsoft.com/office/drawing/2014/main" id="{7F118C1B-76EB-3963-DB8C-E81831BC157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8" name="Ovaal 19">
              <a:extLst>
                <a:ext uri="{FF2B5EF4-FFF2-40B4-BE49-F238E27FC236}">
                  <a16:creationId xmlns:a16="http://schemas.microsoft.com/office/drawing/2014/main" id="{935F2623-94C8-D50B-7A94-F07C6564D2E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9" name="Rechthoek 20">
              <a:extLst>
                <a:ext uri="{FF2B5EF4-FFF2-40B4-BE49-F238E27FC236}">
                  <a16:creationId xmlns:a16="http://schemas.microsoft.com/office/drawing/2014/main" id="{3211823A-90A4-8B79-9221-39E116C90F35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0" name="Ovaal 21">
              <a:extLst>
                <a:ext uri="{FF2B5EF4-FFF2-40B4-BE49-F238E27FC236}">
                  <a16:creationId xmlns:a16="http://schemas.microsoft.com/office/drawing/2014/main" id="{57A31DDA-03DE-88EC-BB5F-A6D4239336D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1" name="Rechthoek 22">
              <a:extLst>
                <a:ext uri="{FF2B5EF4-FFF2-40B4-BE49-F238E27FC236}">
                  <a16:creationId xmlns:a16="http://schemas.microsoft.com/office/drawing/2014/main" id="{43197D3C-E16D-DC10-614D-19599CFCD84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2" name="Ovaal 23">
              <a:extLst>
                <a:ext uri="{FF2B5EF4-FFF2-40B4-BE49-F238E27FC236}">
                  <a16:creationId xmlns:a16="http://schemas.microsoft.com/office/drawing/2014/main" id="{A437D6CB-E0CB-21FD-C399-83D4D63D8ABB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3" name="Rechthoek 24">
              <a:extLst>
                <a:ext uri="{FF2B5EF4-FFF2-40B4-BE49-F238E27FC236}">
                  <a16:creationId xmlns:a16="http://schemas.microsoft.com/office/drawing/2014/main" id="{AF571F37-CD1F-4BA2-3CAF-E1F4C1778A25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4" name="Ovaal 25">
              <a:extLst>
                <a:ext uri="{FF2B5EF4-FFF2-40B4-BE49-F238E27FC236}">
                  <a16:creationId xmlns:a16="http://schemas.microsoft.com/office/drawing/2014/main" id="{A7C2FFBF-79DF-4A7A-D528-EAF6A1FE621D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5" name="Rechthoek 26">
              <a:extLst>
                <a:ext uri="{FF2B5EF4-FFF2-40B4-BE49-F238E27FC236}">
                  <a16:creationId xmlns:a16="http://schemas.microsoft.com/office/drawing/2014/main" id="{B560460D-FFE5-F422-4EDC-0EA30B60C138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6" name="Ovaal 27">
              <a:extLst>
                <a:ext uri="{FF2B5EF4-FFF2-40B4-BE49-F238E27FC236}">
                  <a16:creationId xmlns:a16="http://schemas.microsoft.com/office/drawing/2014/main" id="{D7245777-1BB3-E39D-9224-0A8F468151E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7" name="Rechthoek 28">
              <a:extLst>
                <a:ext uri="{FF2B5EF4-FFF2-40B4-BE49-F238E27FC236}">
                  <a16:creationId xmlns:a16="http://schemas.microsoft.com/office/drawing/2014/main" id="{4858A02B-1BBA-66EB-F21A-487BE80916E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9">
              <a:extLst>
                <a:ext uri="{FF2B5EF4-FFF2-40B4-BE49-F238E27FC236}">
                  <a16:creationId xmlns:a16="http://schemas.microsoft.com/office/drawing/2014/main" id="{5B08C31A-D2EE-16B1-9707-89C77D72A99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9" name="Rechthoek 30">
              <a:extLst>
                <a:ext uri="{FF2B5EF4-FFF2-40B4-BE49-F238E27FC236}">
                  <a16:creationId xmlns:a16="http://schemas.microsoft.com/office/drawing/2014/main" id="{F5889C0D-2AC6-43AD-D6CE-6D1BC7276F20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31">
              <a:extLst>
                <a:ext uri="{FF2B5EF4-FFF2-40B4-BE49-F238E27FC236}">
                  <a16:creationId xmlns:a16="http://schemas.microsoft.com/office/drawing/2014/main" id="{959C94F2-8175-A97D-4725-D6B7328623C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1" name="Rechthoek 32">
              <a:extLst>
                <a:ext uri="{FF2B5EF4-FFF2-40B4-BE49-F238E27FC236}">
                  <a16:creationId xmlns:a16="http://schemas.microsoft.com/office/drawing/2014/main" id="{6FB11737-FB57-C1E0-E673-FE6C7361843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2" name="Rechthoek 33">
              <a:extLst>
                <a:ext uri="{FF2B5EF4-FFF2-40B4-BE49-F238E27FC236}">
                  <a16:creationId xmlns:a16="http://schemas.microsoft.com/office/drawing/2014/main" id="{B1549F99-121D-1039-2CF9-9FDB4C258840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3" name="ICOON_info">
              <a:extLst>
                <a:ext uri="{FF2B5EF4-FFF2-40B4-BE49-F238E27FC236}">
                  <a16:creationId xmlns:a16="http://schemas.microsoft.com/office/drawing/2014/main" id="{249DA7CA-8C77-62C2-0E97-EA8B5B11A76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EC4F1DA3-71F5-82C4-F3E4-E8C9AE537E6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241FEC8A-7308-0E0A-F94C-9C7B5F1B173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VOORBEELD">
              <a:extLst>
                <a:ext uri="{FF2B5EF4-FFF2-40B4-BE49-F238E27FC236}">
                  <a16:creationId xmlns:a16="http://schemas.microsoft.com/office/drawing/2014/main" id="{35547F27-745D-88FC-F10D-7E5B3C9194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5" name="Rechthoek 39">
                <a:extLst>
                  <a:ext uri="{FF2B5EF4-FFF2-40B4-BE49-F238E27FC236}">
                    <a16:creationId xmlns:a16="http://schemas.microsoft.com/office/drawing/2014/main" id="{C634411A-59D5-60CC-E194-C80AC65FE92F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6" name="Rechthoek 40">
                <a:extLst>
                  <a:ext uri="{FF2B5EF4-FFF2-40B4-BE49-F238E27FC236}">
                    <a16:creationId xmlns:a16="http://schemas.microsoft.com/office/drawing/2014/main" id="{58F9D200-1813-696E-BE97-0F3718875F3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7" name="Groep 41">
                <a:extLst>
                  <a:ext uri="{FF2B5EF4-FFF2-40B4-BE49-F238E27FC236}">
                    <a16:creationId xmlns:a16="http://schemas.microsoft.com/office/drawing/2014/main" id="{C6B7EF2E-0B73-693B-4E05-561DF7B92C87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E3BEE4B-3A9D-794A-F65F-31B17BFDBA3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E2E7CCE6-3EA4-65BD-7675-96FB602EE5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087A07CD-7B7A-5A3D-6D9E-921AE13E1C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04B8853C-5164-CD80-43C7-9129669CDC5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DC0F77F4-F5D0-1404-AD1C-CF8353398C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0EEC827B-667F-2BA8-CB6B-BA89DB3F82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363873C1-8D7E-F54B-2631-5AF9666A59C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8" name="Groep 42">
                <a:extLst>
                  <a:ext uri="{FF2B5EF4-FFF2-40B4-BE49-F238E27FC236}">
                    <a16:creationId xmlns:a16="http://schemas.microsoft.com/office/drawing/2014/main" id="{D12144A0-9554-9D32-7B6A-A656B4CA722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C749106-1461-021F-CAA6-E1ECD5C2296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6D8A7C59-E88C-65D1-34EA-8FA5BC537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30E49212-2067-FF62-DF35-65E482BC7D5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E670D038-DB2C-1A1E-6FF7-4ABBE9D61C0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A6277F82-E7F0-F814-AF1F-F70186F631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863E67D7-A4BD-7617-A23D-2A97D80CD89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1A3F9463-7604-88BB-9BB1-80A96A774F22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9" name="Rechte verbindingslijn 43">
                <a:extLst>
                  <a:ext uri="{FF2B5EF4-FFF2-40B4-BE49-F238E27FC236}">
                    <a16:creationId xmlns:a16="http://schemas.microsoft.com/office/drawing/2014/main" id="{EE27E243-766F-8E8C-BDAD-73FD7F66E55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0" name="Rechte verbindingslijn 44">
                <a:extLst>
                  <a:ext uri="{FF2B5EF4-FFF2-40B4-BE49-F238E27FC236}">
                    <a16:creationId xmlns:a16="http://schemas.microsoft.com/office/drawing/2014/main" id="{51580AA5-9BA7-CBD8-4B90-C546965B728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1" name="Rechthoek 45">
                <a:extLst>
                  <a:ext uri="{FF2B5EF4-FFF2-40B4-BE49-F238E27FC236}">
                    <a16:creationId xmlns:a16="http://schemas.microsoft.com/office/drawing/2014/main" id="{6F807964-7220-CEAB-F3CE-BCDC3F9CD11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2" name="Rechthoek 46">
                <a:extLst>
                  <a:ext uri="{FF2B5EF4-FFF2-40B4-BE49-F238E27FC236}">
                    <a16:creationId xmlns:a16="http://schemas.microsoft.com/office/drawing/2014/main" id="{E4406BCF-231E-5783-5B24-F3ECE1A8FEB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3" name="Groep 47">
                <a:extLst>
                  <a:ext uri="{FF2B5EF4-FFF2-40B4-BE49-F238E27FC236}">
                    <a16:creationId xmlns:a16="http://schemas.microsoft.com/office/drawing/2014/main" id="{7C3F7EB4-E890-9A69-01C5-8A9A6DE22E2E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3" name="Rechthoek 57">
                  <a:extLst>
                    <a:ext uri="{FF2B5EF4-FFF2-40B4-BE49-F238E27FC236}">
                      <a16:creationId xmlns:a16="http://schemas.microsoft.com/office/drawing/2014/main" id="{05796783-075C-329A-4733-5982E26209BC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4" name="Groep 58">
                  <a:extLst>
                    <a:ext uri="{FF2B5EF4-FFF2-40B4-BE49-F238E27FC236}">
                      <a16:creationId xmlns:a16="http://schemas.microsoft.com/office/drawing/2014/main" id="{954F69DF-89E2-813B-6E5C-7541A8785F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8" name="Rechte verbindingslijn 60">
                    <a:extLst>
                      <a:ext uri="{FF2B5EF4-FFF2-40B4-BE49-F238E27FC236}">
                        <a16:creationId xmlns:a16="http://schemas.microsoft.com/office/drawing/2014/main" id="{474DB587-E3EC-46EB-6AC7-367B5910746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08D8BC2F-C79B-9EA7-B3CB-63323983AC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32A5C966-CFD4-B6F0-E0F5-0BBB7AA59ED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37E325E8-1A15-5701-3681-9B6D33591E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73D16EFB-9B35-0987-94C9-5B18282EC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50DD616D-3242-A8AC-F960-619057F84BE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4" name="Groep 48">
                <a:extLst>
                  <a:ext uri="{FF2B5EF4-FFF2-40B4-BE49-F238E27FC236}">
                    <a16:creationId xmlns:a16="http://schemas.microsoft.com/office/drawing/2014/main" id="{CDB0C0EB-E311-03DA-1316-61C65407084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5" name="Rechthoek 49">
                  <a:extLst>
                    <a:ext uri="{FF2B5EF4-FFF2-40B4-BE49-F238E27FC236}">
                      <a16:creationId xmlns:a16="http://schemas.microsoft.com/office/drawing/2014/main" id="{C38801C0-E8B6-0BC7-BA6A-F54797EB8D1D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6" name="Groep 50">
                  <a:extLst>
                    <a:ext uri="{FF2B5EF4-FFF2-40B4-BE49-F238E27FC236}">
                      <a16:creationId xmlns:a16="http://schemas.microsoft.com/office/drawing/2014/main" id="{1D1CAB87-E4B5-EF2F-44F3-A2FE36482D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8" name="Rechte verbindingslijn 52">
                    <a:extLst>
                      <a:ext uri="{FF2B5EF4-FFF2-40B4-BE49-F238E27FC236}">
                        <a16:creationId xmlns:a16="http://schemas.microsoft.com/office/drawing/2014/main" id="{509441B0-FCF7-575D-ACF8-B328A81F584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3">
                    <a:extLst>
                      <a:ext uri="{FF2B5EF4-FFF2-40B4-BE49-F238E27FC236}">
                        <a16:creationId xmlns:a16="http://schemas.microsoft.com/office/drawing/2014/main" id="{62819F7F-7CBF-3742-E5D3-036F81EF5A6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4">
                    <a:extLst>
                      <a:ext uri="{FF2B5EF4-FFF2-40B4-BE49-F238E27FC236}">
                        <a16:creationId xmlns:a16="http://schemas.microsoft.com/office/drawing/2014/main" id="{9B0C59C3-E8BA-2640-F4B0-D6D9847EEF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5">
                    <a:extLst>
                      <a:ext uri="{FF2B5EF4-FFF2-40B4-BE49-F238E27FC236}">
                        <a16:creationId xmlns:a16="http://schemas.microsoft.com/office/drawing/2014/main" id="{9AE4BCF7-03AA-38EE-9944-0BE72DCFF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6">
                    <a:extLst>
                      <a:ext uri="{FF2B5EF4-FFF2-40B4-BE49-F238E27FC236}">
                        <a16:creationId xmlns:a16="http://schemas.microsoft.com/office/drawing/2014/main" id="{1FCDBFF2-F597-5955-94F1-C73D22210B6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7" name="Pijl: rechts 51">
                  <a:extLst>
                    <a:ext uri="{FF2B5EF4-FFF2-40B4-BE49-F238E27FC236}">
                      <a16:creationId xmlns:a16="http://schemas.microsoft.com/office/drawing/2014/main" id="{0898D751-C00A-E6EC-6344-CDCBA1EC973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7404F811-C0AD-D29B-F33C-47535198A9B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9D1A9FF4-FE0A-B569-3DDB-C0AC41E686C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0249278B-7488-DE5B-EB4D-C9C3D0B926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4991A83D-04DC-CA3A-FF77-E8EBEEA24A0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F319F54A-A7DB-BFBF-0D98-453B38E6DB7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21F64D74-5971-342C-5E57-46B1D52E2E7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BADF1430-4A5E-69CF-6B17-2428A9D2FB95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DE5D8903-177A-E14A-3D1B-6AAAEF52C79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672E4B02-5361-303E-FA08-E630AB4097EB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82F299CB-6C70-0E50-9DF0-8BEAE7E5AB5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3B57ED0C-37D6-F6E0-32B8-0993EC5CA28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1136D85D-4799-98A4-BA9E-0B1A3FBD755F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834907F5-FAC6-5138-82AA-ACD3D3945C90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4766F525-EF26-8F7E-D0EF-D86CC3C607D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A99212E2-7D63-F500-E512-8108928D3313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5827AE59-1F76-0446-CFBA-C902177C2F9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159A2364-CEC2-595D-B69D-09F6D7A14F5C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44A089A9-3EFA-60E3-C7EB-4A68A6FE229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1C5A2607-B6AA-F505-DD00-64BA27EACF9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9F9DAEB1-64C4-6198-8E92-6F1018F324E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EDF94763-B441-0FA2-F828-FE165EC6F97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022A8240-70F0-DF78-44B6-02C55BA72470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8DB27CA4-21DA-4135-B1AF-B72F11246472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D45F5C16-FDBF-B727-C946-EC4C9905DB95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EE9211EB-E1EE-E3B7-0F2D-7E1FD91C75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7708C8A3-6F69-5F68-7CB1-5C11FBCBA57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231C3423-6DF7-E06D-5D90-40750950420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47DF1AC3-32E2-A7F4-AA76-1E8B27FEB48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10D45253-2954-26DB-7DEF-D753349CD23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C404743F-35C5-0962-EACB-85B67F89EA9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4426A08-7972-57F0-5A43-8548DAF48BBD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0B1C5FB5-061A-D520-B442-4623140EEF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8A5B2423-FDA9-1123-061E-1B7F57261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4F9A1C41-4E7B-E13E-D155-25FAB369B04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B2DD6193-F2DE-E624-DBEC-8E00C8960C9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8EA61D31-E2F7-62C2-8122-D21C9F5A119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71B8EE67-A46D-0DDC-ADE8-AAD33CE464B5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36EEC7C5-E041-B0FF-4A42-F6B52C1DD79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041B8C92-2EEF-90E0-B942-1B1AEC9E47FD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B1B8C9F0-914B-3F8D-466D-0335A541114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5A59F2D-6B17-B3F4-481F-6CE777030F0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931F2B4A-44EF-3A4F-4BBB-474F5370B41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2673248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Tekst 5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nl-NL" noProof="0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0A0EE600-B4CB-A945-78DA-D58E2B14F04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000"/>
            </a:lvl4pPr>
          </a:lstStyle>
          <a:p>
            <a:pPr lvl="3"/>
            <a:r>
              <a:rPr lang="nl-NL" sz="1600" noProof="0" dirty="0" err="1"/>
              <a:t>Lorem</a:t>
            </a:r>
            <a:r>
              <a:rPr lang="nl-NL" sz="1600" noProof="0" dirty="0"/>
              <a:t> </a:t>
            </a:r>
            <a:r>
              <a:rPr lang="nl-NL" sz="1600" noProof="0" dirty="0" err="1"/>
              <a:t>ipsum</a:t>
            </a:r>
            <a:r>
              <a:rPr lang="nl-NL" sz="1600" noProof="0" dirty="0"/>
              <a:t> </a:t>
            </a:r>
            <a:r>
              <a:rPr lang="nl-NL" sz="1600" noProof="0" dirty="0" err="1"/>
              <a:t>dolor</a:t>
            </a:r>
            <a:r>
              <a:rPr lang="nl-NL" sz="1600" noProof="0" dirty="0"/>
              <a:t>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, </a:t>
            </a:r>
            <a:r>
              <a:rPr lang="nl-NL" sz="1600" noProof="0" dirty="0" err="1"/>
              <a:t>consectetuer</a:t>
            </a:r>
            <a:r>
              <a:rPr lang="nl-NL" sz="1600" noProof="0" dirty="0"/>
              <a:t> </a:t>
            </a:r>
            <a:r>
              <a:rPr lang="nl-NL" sz="1600" noProof="0" dirty="0" err="1"/>
              <a:t>adipiscing</a:t>
            </a:r>
            <a:r>
              <a:rPr lang="nl-NL" sz="1600" noProof="0" dirty="0"/>
              <a:t> </a:t>
            </a:r>
            <a:r>
              <a:rPr lang="nl-NL" sz="1600" noProof="0" dirty="0" err="1"/>
              <a:t>elit</a:t>
            </a:r>
            <a:r>
              <a:rPr lang="nl-NL" sz="1600" noProof="0" dirty="0"/>
              <a:t>. </a:t>
            </a:r>
            <a:r>
              <a:rPr lang="nl-NL" sz="1600" noProof="0" dirty="0" err="1"/>
              <a:t>Maecenas</a:t>
            </a:r>
            <a:r>
              <a:rPr lang="nl-NL" sz="1600" noProof="0" dirty="0"/>
              <a:t> </a:t>
            </a:r>
            <a:r>
              <a:rPr lang="nl-NL" sz="1600" noProof="0" dirty="0" err="1"/>
              <a:t>porttitor</a:t>
            </a:r>
            <a:r>
              <a:rPr lang="nl-NL" sz="1600" noProof="0" dirty="0"/>
              <a:t> </a:t>
            </a:r>
            <a:r>
              <a:rPr lang="nl-NL" sz="1600" noProof="0" dirty="0" err="1"/>
              <a:t>congue</a:t>
            </a:r>
            <a:r>
              <a:rPr lang="nl-NL" sz="1600" noProof="0" dirty="0"/>
              <a:t> massa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posuere</a:t>
            </a:r>
            <a:r>
              <a:rPr lang="nl-NL" sz="1600" noProof="0" dirty="0"/>
              <a:t>, magna </a:t>
            </a:r>
            <a:r>
              <a:rPr lang="nl-NL" sz="1600" noProof="0" dirty="0" err="1"/>
              <a:t>sed</a:t>
            </a:r>
            <a:r>
              <a:rPr lang="nl-NL" sz="1600" noProof="0" dirty="0"/>
              <a:t> </a:t>
            </a:r>
            <a:r>
              <a:rPr lang="nl-NL" sz="1600" noProof="0" dirty="0" err="1"/>
              <a:t>pulvinar</a:t>
            </a:r>
            <a:r>
              <a:rPr lang="nl-NL" sz="1600" noProof="0" dirty="0"/>
              <a:t> </a:t>
            </a:r>
            <a:r>
              <a:rPr lang="nl-NL" sz="1600" noProof="0" dirty="0" err="1"/>
              <a:t>ultricies</a:t>
            </a:r>
            <a:r>
              <a:rPr lang="nl-NL" sz="1600" noProof="0" dirty="0"/>
              <a:t>, </a:t>
            </a:r>
            <a:r>
              <a:rPr lang="nl-NL" sz="1600" noProof="0" dirty="0" err="1"/>
              <a:t>purus</a:t>
            </a:r>
            <a:r>
              <a:rPr lang="nl-NL" sz="1600" noProof="0" dirty="0"/>
              <a:t> </a:t>
            </a:r>
            <a:r>
              <a:rPr lang="nl-NL" sz="1600" noProof="0" dirty="0" err="1"/>
              <a:t>lectus</a:t>
            </a:r>
            <a:r>
              <a:rPr lang="nl-NL" sz="1600" noProof="0" dirty="0"/>
              <a:t> </a:t>
            </a:r>
            <a:r>
              <a:rPr lang="nl-NL" sz="1600" noProof="0" dirty="0" err="1"/>
              <a:t>malesuada</a:t>
            </a:r>
            <a:r>
              <a:rPr lang="nl-NL" sz="1600" noProof="0" dirty="0"/>
              <a:t> libero,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 commodo magna eros </a:t>
            </a:r>
            <a:r>
              <a:rPr lang="nl-NL" sz="1600" noProof="0" dirty="0" err="1"/>
              <a:t>quis</a:t>
            </a:r>
            <a:r>
              <a:rPr lang="nl-NL" sz="1600" noProof="0" dirty="0"/>
              <a:t> </a:t>
            </a:r>
            <a:r>
              <a:rPr lang="nl-NL" sz="1600" noProof="0" dirty="0" err="1"/>
              <a:t>urna</a:t>
            </a:r>
            <a:r>
              <a:rPr lang="nl-NL" sz="1600" noProof="0" dirty="0"/>
              <a:t>. </a:t>
            </a:r>
            <a:r>
              <a:rPr lang="nl-NL" sz="1600" noProof="0" dirty="0" err="1"/>
              <a:t>Nunc</a:t>
            </a:r>
            <a:r>
              <a:rPr lang="nl-NL" sz="1600" noProof="0" dirty="0"/>
              <a:t> </a:t>
            </a:r>
            <a:r>
              <a:rPr lang="nl-NL" sz="1600" noProof="0" dirty="0" err="1"/>
              <a:t>viverra</a:t>
            </a:r>
            <a:r>
              <a:rPr lang="nl-NL" sz="1600" noProof="0" dirty="0"/>
              <a:t> </a:t>
            </a:r>
            <a:r>
              <a:rPr lang="nl-NL" sz="1600" noProof="0" dirty="0" err="1"/>
              <a:t>imperdiet</a:t>
            </a:r>
            <a:r>
              <a:rPr lang="nl-NL" sz="1600" noProof="0" dirty="0"/>
              <a:t> </a:t>
            </a:r>
            <a:r>
              <a:rPr lang="nl-NL" sz="1600" noProof="0" dirty="0" err="1"/>
              <a:t>enim</a:t>
            </a:r>
            <a:r>
              <a:rPr lang="nl-NL" sz="1600" noProof="0" dirty="0"/>
              <a:t>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est.</a:t>
            </a:r>
            <a:r>
              <a:rPr lang="nl-NL" sz="1600" noProof="0" dirty="0"/>
              <a:t> </a:t>
            </a:r>
            <a:r>
              <a:rPr lang="nl-NL" sz="1600" noProof="0" dirty="0" err="1"/>
              <a:t>Vivamus</a:t>
            </a:r>
            <a:r>
              <a:rPr lang="nl-NL" sz="1600" noProof="0" dirty="0"/>
              <a:t> a </a:t>
            </a:r>
            <a:r>
              <a:rPr lang="nl-NL" sz="1600" noProof="0" dirty="0" err="1"/>
              <a:t>tellus</a:t>
            </a:r>
            <a:r>
              <a:rPr lang="nl-NL" sz="1600" noProof="0" dirty="0"/>
              <a:t>.</a:t>
            </a:r>
            <a:endParaRPr lang="nl-NL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4800" y="0"/>
            <a:ext cx="60948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6DC39CB6-FE29-9A94-FAB4-EA2959207820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B9DBA93C-D5D9-E799-1681-98583464FBF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D22E3E8A-AE77-F622-F832-F48033828DFA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818D9A0F-2DE9-17B1-8A97-3EC7F7EA9DA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BF5853B4-A91C-F903-0B63-687DCA5B49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267CF97-0979-24A5-B3A5-24D042E0D3B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42877678-29D6-B209-FC9B-2DA6FFDC400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793C5EEA-6CC9-1816-741A-C3550CECB5B5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22073AA0-9833-828D-D3AF-53CD233D7020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74B5D08-EEC5-54F7-D86A-E1CA7C6D3CE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D371CF11-0FE3-8F5B-00F4-729D161A85FE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75B23755-AF01-2777-2A33-D0E9B33484A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83FB4557-AD7D-A2FA-9907-E407962B969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57097B69-3443-EF83-06D4-6044B19A767F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62153B54-8ABB-22EA-89DE-9E233179D15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B5E7260-88E1-33AB-F254-F878AC056C5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59F85F0F-C92A-2912-3533-317A988639F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C141A539-9315-C5DE-0A81-6BD04D61133A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AFD3D66-15E8-D1EB-3B03-81B25D184039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F319009-2980-22BA-6162-A3DCB6B44A67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8C27614B-1DD9-0200-EF78-18D37498E2A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077E1659-4D63-30D5-C2F0-7B71058D4FE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FAB7C416-CB2C-983A-09A8-EAF987C91F3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125CBCE8-4DE8-8268-4E7D-E0929DA03A3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42AC8036-E041-C9FA-4766-ED1B5A4B15D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4EDAEFFB-46C1-70E7-6947-CD85AFD4437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8CA08202-0129-A803-856F-1B466D8BBDE4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4D619EA-7522-0AD1-D2FC-B8F2C7DA9844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51D5BF07-94E5-E493-2965-8726876192F2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5F55D13B-7E73-E1A0-5BFB-D2FCEBF28A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CB08F70D-2D58-55F5-A33A-82A2AC08B9B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2E573F4A-8261-F0C9-0084-96B4775E3F7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21CEE427-51A8-3379-FF16-D20AD60092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438CC62F-D17D-B0AA-E5E2-1D1044FF3E8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5C2C9CB1-734E-0BA8-1E2C-9CAE03558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03EE74F1-CB5D-BE71-F59F-C01D69138C4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2EE6EE84-D893-CBC7-7E87-7217B99E9E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0148ECE0-9539-48EE-D883-D526AB3F596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D3436EC3-5060-C88B-265F-0D0987507E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82321328-1814-BA6C-36F8-7CEE6D91C97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680EFBF5-1FFB-C3E0-ED40-9EA891DE74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D6E43F72-5F48-AB04-9F51-057BD32A57B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42E95224-9307-4291-807D-0477F6B8C7A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D1612D7-1CC4-66F3-E065-3CDC00952F5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6DE21155-0640-C3D3-7FC7-A5200BBC4D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BF47DBA0-EF24-5E27-27DB-E0D8711D460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2210518-3C9B-BBBA-0A3B-6F121D904CA3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D76B1C4-7F7E-44EB-4E03-AF659B96BE1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349976F9-F8E2-5AC9-4EDD-93B594EF2A4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CC0588B1-86F6-4B93-1321-A4648BD77FA3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F37FF5C4-CE6F-88B0-BED3-3D1554781B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D9F7DD0F-D168-A77B-171E-567F6AFA8D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FAA914B8-4CE8-9CF1-75DA-5637E581B0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D05E8C6B-BA62-1D53-EE2C-E4E1F1742B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77EDE2D1-8370-C3A3-56D8-172ADA7293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D78C251C-A198-0643-571A-BBB07BDC2CA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7BA54812-0E06-B455-8654-E2254C0A7E2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A2C86A24-4D88-949E-8218-5271DAE203C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DE18A15-493C-0007-A6FC-29C515360DB6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24731533-B184-6928-5869-00FC2214AB0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78F6F7B0-3F0B-2CC1-CC3E-BC93FA3C7B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5B4B2067-484B-07E4-CDC0-334816DE41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8E38990B-BE45-5F91-7036-AACA2FC1639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8A9A0AFA-2FDE-8057-3ABE-D5D01F792B8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A3B2B834-AEED-2DFE-E92D-EE0A6F7C95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A82B7E06-79C3-FC23-27BD-5CB9BE0B378E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DF98E375-9B09-1AB7-DFA2-76F441E1DF1D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53D198EA-3F1C-2FC8-4290-E61E7E0D559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22C04E-01AF-0612-CB90-2D976E70241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0853A17A-399A-95B0-FF90-334B50525EC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32EE6C5D-FE73-2C48-1E5E-949AFD8A622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650D7494-DCCA-5ADD-20FB-69A9DB1715C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A06C0F21-F2C6-B206-FF70-4D7D366AB6B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85AF9C48-A845-83C5-CCC0-45D58B21036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3BA5B146-6AC0-5C1A-D9E2-1C0AC222A829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B27A1CC8-47A2-DC33-2A86-C86CBA750E6F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D39F6E40-6EDF-CB1D-75CB-6DA2A12D2E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0098F1B6-D0BD-B0EA-6FA1-53F05FA5769B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ED966348-8B66-49E0-E47A-82D89C330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213F0923-4C7F-E707-F73F-54F001CB58D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941B9C4-F893-8345-B3AD-7C884C3589A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AC4C1BAC-1C43-DF4F-34E8-DFC5552C527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A1C4179F-579D-F7B2-2851-17DFBAE889C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310A391-95E1-D376-E167-B717B4B53BA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4D6C5FB6-5B14-921A-E248-D7063AFDF69B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D4983A1D-F1A6-95C9-006C-6BD02665AEB1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3CAF43BB-5869-8948-376B-2DBF9FD75C9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3623635-9FEC-CA37-3274-97A99D42AA9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74EBAAD3-0CC3-EA6B-D88A-781A54668D87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0E0C310-781B-8DDC-62F1-8CDE014B5B28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D62985A2-E993-37D8-AA2B-FB54AA29739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8DA6DF76-D6CC-5608-B6EE-A41BC25CD44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7B0C265-FCE8-0B34-A648-B0441F46DE9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18603A3F-2AAC-5CEE-9321-F9439BE739A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FD543E40-B973-2C46-2D78-433F4BDE2BF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C6BFAEC2-B541-A82C-145D-B2DD18BB0DA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B499847A-B9C2-4D2C-CDE6-1F8EF4B581F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84D495C-C75E-CBF8-ABC8-5479CBAB9A28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7B7D3743-1974-051B-F532-B509AF1CA227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105B9DE1-B53F-5D9A-E999-D45FD6B5607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341FD2DE-171C-D245-F017-DB695BE6BC5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F0C3612-FEC8-5A3D-0420-E8222FC0E25F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F139AD0D-4F3A-7B66-D47A-07BCF33FCD47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712421B-3A53-71AC-4901-42FA8AD0B4D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AE7C6D0F-1E75-141B-A8D3-380BB96D8F6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8911FD94-E77B-17A5-3301-C0D5E23B1CA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D87986CF-4F08-87DB-7870-EAA6873D7F5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F0A2F19E-1905-D203-2B77-0787037588F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4781297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Afbeelding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86177425-F181-DECB-DFF7-20F4D5E1F479}"/>
              </a:ext>
            </a:extLst>
          </p:cNvPr>
          <p:cNvSpPr/>
          <p:nvPr userDrawn="1"/>
        </p:nvSpPr>
        <p:spPr>
          <a:xfrm>
            <a:off x="7162800" y="2060848"/>
            <a:ext cx="4514400" cy="3866400"/>
          </a:xfrm>
          <a:prstGeom prst="rect">
            <a:avLst/>
          </a:prstGeom>
          <a:solidFill>
            <a:schemeClr val="bg2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35200" y="1065600"/>
            <a:ext cx="4514400" cy="38664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date" descr="{&quot;templafy&quot;:{&quot;id&quot;:&quot;70611f03-a21e-47bd-8002-97ef86b8e9ec&quot;}}" title="Form.Date">
            <a:extLst>
              <a:ext uri="{FF2B5EF4-FFF2-40B4-BE49-F238E27FC236}">
                <a16:creationId xmlns:a16="http://schemas.microsoft.com/office/drawing/2014/main" id="{9D765756-076B-2E69-0EEA-F499DB7F263F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10 januari 2023</a:t>
            </a:r>
          </a:p>
        </p:txBody>
      </p:sp>
      <p:sp>
        <p:nvSpPr>
          <p:cNvPr id="118" name="Title 1">
            <a:extLst>
              <a:ext uri="{FF2B5EF4-FFF2-40B4-BE49-F238E27FC236}">
                <a16:creationId xmlns:a16="http://schemas.microsoft.com/office/drawing/2014/main" id="{ECC092F4-C785-4C2C-BEDF-3D40CF5F7E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E1559BD-58B0-8C6A-C605-EF12CC677F6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8" name="Rechthoek 13">
              <a:extLst>
                <a:ext uri="{FF2B5EF4-FFF2-40B4-BE49-F238E27FC236}">
                  <a16:creationId xmlns:a16="http://schemas.microsoft.com/office/drawing/2014/main" id="{393F1866-F40E-47A5-91DF-F2D64E448D8F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D46A92C2-6341-9BFB-B03D-87DECC2F2E8C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C8016EC3-04D3-35F7-A051-BB21C7385E8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DC451BC1-1AEA-135A-07AF-A2E1E4C93933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8" name="Rechthoek 17">
              <a:extLst>
                <a:ext uri="{FF2B5EF4-FFF2-40B4-BE49-F238E27FC236}">
                  <a16:creationId xmlns:a16="http://schemas.microsoft.com/office/drawing/2014/main" id="{AA68A9FE-FAF6-DC24-0DCB-06276BBB068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9" name="Rechthoek 18">
              <a:extLst>
                <a:ext uri="{FF2B5EF4-FFF2-40B4-BE49-F238E27FC236}">
                  <a16:creationId xmlns:a16="http://schemas.microsoft.com/office/drawing/2014/main" id="{0B742443-03C4-5993-4B49-423F1BF27B9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80" name="Ovaal 19">
              <a:extLst>
                <a:ext uri="{FF2B5EF4-FFF2-40B4-BE49-F238E27FC236}">
                  <a16:creationId xmlns:a16="http://schemas.microsoft.com/office/drawing/2014/main" id="{61694E8B-4788-BE28-BBEB-7C8D94F8012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81" name="Rechthoek 20">
              <a:extLst>
                <a:ext uri="{FF2B5EF4-FFF2-40B4-BE49-F238E27FC236}">
                  <a16:creationId xmlns:a16="http://schemas.microsoft.com/office/drawing/2014/main" id="{61F48531-F215-C7BC-9B30-3C5CB612D6BF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2" name="Ovaal 21">
              <a:extLst>
                <a:ext uri="{FF2B5EF4-FFF2-40B4-BE49-F238E27FC236}">
                  <a16:creationId xmlns:a16="http://schemas.microsoft.com/office/drawing/2014/main" id="{C856187A-05DE-8F73-87FB-64CFE5D65334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3" name="Rechthoek 22">
              <a:extLst>
                <a:ext uri="{FF2B5EF4-FFF2-40B4-BE49-F238E27FC236}">
                  <a16:creationId xmlns:a16="http://schemas.microsoft.com/office/drawing/2014/main" id="{E9EBD2E9-9DB1-682C-CAE2-A80EA2F3736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4" name="Ovaal 23">
              <a:extLst>
                <a:ext uri="{FF2B5EF4-FFF2-40B4-BE49-F238E27FC236}">
                  <a16:creationId xmlns:a16="http://schemas.microsoft.com/office/drawing/2014/main" id="{98A46AF4-EE6F-9FD5-5EF1-30A745EE0C90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5" name="Rechthoek 24">
              <a:extLst>
                <a:ext uri="{FF2B5EF4-FFF2-40B4-BE49-F238E27FC236}">
                  <a16:creationId xmlns:a16="http://schemas.microsoft.com/office/drawing/2014/main" id="{588A99CE-918B-5CCC-1371-1755163D126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6" name="Ovaal 25">
              <a:extLst>
                <a:ext uri="{FF2B5EF4-FFF2-40B4-BE49-F238E27FC236}">
                  <a16:creationId xmlns:a16="http://schemas.microsoft.com/office/drawing/2014/main" id="{140F7A55-F713-ED7D-30F5-53BB0C184801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7" name="Rechthoek 26">
              <a:extLst>
                <a:ext uri="{FF2B5EF4-FFF2-40B4-BE49-F238E27FC236}">
                  <a16:creationId xmlns:a16="http://schemas.microsoft.com/office/drawing/2014/main" id="{A91373EA-BE50-07DA-5435-E02D0321753A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7">
              <a:extLst>
                <a:ext uri="{FF2B5EF4-FFF2-40B4-BE49-F238E27FC236}">
                  <a16:creationId xmlns:a16="http://schemas.microsoft.com/office/drawing/2014/main" id="{498CF755-6F4F-DF45-0758-91BAC6BD7DB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9" name="Rechthoek 28">
              <a:extLst>
                <a:ext uri="{FF2B5EF4-FFF2-40B4-BE49-F238E27FC236}">
                  <a16:creationId xmlns:a16="http://schemas.microsoft.com/office/drawing/2014/main" id="{4F00A07A-09EB-DB25-276E-B2B1DCEF264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29">
              <a:extLst>
                <a:ext uri="{FF2B5EF4-FFF2-40B4-BE49-F238E27FC236}">
                  <a16:creationId xmlns:a16="http://schemas.microsoft.com/office/drawing/2014/main" id="{4E0B11CC-C407-CFF5-6B1F-55D045EDAF5B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91" name="Rechthoek 30">
              <a:extLst>
                <a:ext uri="{FF2B5EF4-FFF2-40B4-BE49-F238E27FC236}">
                  <a16:creationId xmlns:a16="http://schemas.microsoft.com/office/drawing/2014/main" id="{F39BFE7C-0365-A4EF-6D69-BB6B4451C9A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2" name="Ovaal 31">
              <a:extLst>
                <a:ext uri="{FF2B5EF4-FFF2-40B4-BE49-F238E27FC236}">
                  <a16:creationId xmlns:a16="http://schemas.microsoft.com/office/drawing/2014/main" id="{02C565EC-1C6B-8482-053A-C14F979F939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3" name="Rechthoek 32">
              <a:extLst>
                <a:ext uri="{FF2B5EF4-FFF2-40B4-BE49-F238E27FC236}">
                  <a16:creationId xmlns:a16="http://schemas.microsoft.com/office/drawing/2014/main" id="{BF686403-BB90-EFFD-0698-67C7CDA4EA3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4" name="Rechthoek 33">
              <a:extLst>
                <a:ext uri="{FF2B5EF4-FFF2-40B4-BE49-F238E27FC236}">
                  <a16:creationId xmlns:a16="http://schemas.microsoft.com/office/drawing/2014/main" id="{D6AFB9F5-9364-F588-4B22-6E2308C0A8B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5" name="ICOON_info">
              <a:extLst>
                <a:ext uri="{FF2B5EF4-FFF2-40B4-BE49-F238E27FC236}">
                  <a16:creationId xmlns:a16="http://schemas.microsoft.com/office/drawing/2014/main" id="{7CE59E85-410B-4ACA-E4C5-28173D685706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9" name="Ovaal 79">
                <a:extLst>
                  <a:ext uri="{FF2B5EF4-FFF2-40B4-BE49-F238E27FC236}">
                    <a16:creationId xmlns:a16="http://schemas.microsoft.com/office/drawing/2014/main" id="{787CB272-4D15-7DEF-6289-E5168ABA7731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40" name="Graphic 163" descr="Informatie">
                <a:extLst>
                  <a:ext uri="{FF2B5EF4-FFF2-40B4-BE49-F238E27FC236}">
                    <a16:creationId xmlns:a16="http://schemas.microsoft.com/office/drawing/2014/main" id="{8587C7D4-AE58-57BB-EA73-2CA06D6359B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6" name="VOORBEELD">
              <a:extLst>
                <a:ext uri="{FF2B5EF4-FFF2-40B4-BE49-F238E27FC236}">
                  <a16:creationId xmlns:a16="http://schemas.microsoft.com/office/drawing/2014/main" id="{9223A6B6-DD0F-173C-9A59-1861E5BE77C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7" name="Rechthoek 39">
                <a:extLst>
                  <a:ext uri="{FF2B5EF4-FFF2-40B4-BE49-F238E27FC236}">
                    <a16:creationId xmlns:a16="http://schemas.microsoft.com/office/drawing/2014/main" id="{D5B4BED4-AA77-AEB4-9D72-16875C1D7376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8" name="Rechthoek 40">
                <a:extLst>
                  <a:ext uri="{FF2B5EF4-FFF2-40B4-BE49-F238E27FC236}">
                    <a16:creationId xmlns:a16="http://schemas.microsoft.com/office/drawing/2014/main" id="{1156E2DA-74C4-5AF3-157D-60BF984FCE91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9" name="Groep 41">
                <a:extLst>
                  <a:ext uri="{FF2B5EF4-FFF2-40B4-BE49-F238E27FC236}">
                    <a16:creationId xmlns:a16="http://schemas.microsoft.com/office/drawing/2014/main" id="{376D720C-328E-FC93-F012-21D616F8391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2" name="Groep 72">
                  <a:extLst>
                    <a:ext uri="{FF2B5EF4-FFF2-40B4-BE49-F238E27FC236}">
                      <a16:creationId xmlns:a16="http://schemas.microsoft.com/office/drawing/2014/main" id="{D404B17D-176F-5A39-7B45-2BC9930AA70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4" name="Rechte verbindingslijn 74">
                    <a:extLst>
                      <a:ext uri="{FF2B5EF4-FFF2-40B4-BE49-F238E27FC236}">
                        <a16:creationId xmlns:a16="http://schemas.microsoft.com/office/drawing/2014/main" id="{0B420D48-FA89-D2F1-5CD2-23639E6DAF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5">
                    <a:extLst>
                      <a:ext uri="{FF2B5EF4-FFF2-40B4-BE49-F238E27FC236}">
                        <a16:creationId xmlns:a16="http://schemas.microsoft.com/office/drawing/2014/main" id="{5D8ECE37-DD1C-A661-8BA6-08A625AF5F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6">
                    <a:extLst>
                      <a:ext uri="{FF2B5EF4-FFF2-40B4-BE49-F238E27FC236}">
                        <a16:creationId xmlns:a16="http://schemas.microsoft.com/office/drawing/2014/main" id="{AB0DDFAD-B878-8061-29A3-4E0D94F235D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7" name="Rechte verbindingslijn 77">
                    <a:extLst>
                      <a:ext uri="{FF2B5EF4-FFF2-40B4-BE49-F238E27FC236}">
                        <a16:creationId xmlns:a16="http://schemas.microsoft.com/office/drawing/2014/main" id="{F2F52D79-BA66-40D7-7F6C-A27070A29D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78">
                    <a:extLst>
                      <a:ext uri="{FF2B5EF4-FFF2-40B4-BE49-F238E27FC236}">
                        <a16:creationId xmlns:a16="http://schemas.microsoft.com/office/drawing/2014/main" id="{13337125-44D2-3346-EF3E-F4D92CF39B2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3" name="Pijl: rechts 73">
                  <a:extLst>
                    <a:ext uri="{FF2B5EF4-FFF2-40B4-BE49-F238E27FC236}">
                      <a16:creationId xmlns:a16="http://schemas.microsoft.com/office/drawing/2014/main" id="{E6DCDD66-7485-39FF-CD20-0DFF63E1A39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0" name="Groep 42">
                <a:extLst>
                  <a:ext uri="{FF2B5EF4-FFF2-40B4-BE49-F238E27FC236}">
                    <a16:creationId xmlns:a16="http://schemas.microsoft.com/office/drawing/2014/main" id="{4E273D75-C537-BBAE-7EAB-24CBEEEB45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5" name="Groep 65">
                  <a:extLst>
                    <a:ext uri="{FF2B5EF4-FFF2-40B4-BE49-F238E27FC236}">
                      <a16:creationId xmlns:a16="http://schemas.microsoft.com/office/drawing/2014/main" id="{0EFFEBBA-4A34-00A0-98CD-8F8C9F1A0D3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7" name="Rechte verbindingslijn 67">
                    <a:extLst>
                      <a:ext uri="{FF2B5EF4-FFF2-40B4-BE49-F238E27FC236}">
                        <a16:creationId xmlns:a16="http://schemas.microsoft.com/office/drawing/2014/main" id="{7F9D3E4E-6C09-17A0-A121-B38D57C579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68">
                    <a:extLst>
                      <a:ext uri="{FF2B5EF4-FFF2-40B4-BE49-F238E27FC236}">
                        <a16:creationId xmlns:a16="http://schemas.microsoft.com/office/drawing/2014/main" id="{4B025919-0633-D6FD-7EB0-DCADDE5D08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9">
                    <a:extLst>
                      <a:ext uri="{FF2B5EF4-FFF2-40B4-BE49-F238E27FC236}">
                        <a16:creationId xmlns:a16="http://schemas.microsoft.com/office/drawing/2014/main" id="{C449E1E8-85F9-987A-EE4E-0D5192B431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70">
                    <a:extLst>
                      <a:ext uri="{FF2B5EF4-FFF2-40B4-BE49-F238E27FC236}">
                        <a16:creationId xmlns:a16="http://schemas.microsoft.com/office/drawing/2014/main" id="{BF4348B6-3FF7-2448-01DC-C0568A2941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71">
                    <a:extLst>
                      <a:ext uri="{FF2B5EF4-FFF2-40B4-BE49-F238E27FC236}">
                        <a16:creationId xmlns:a16="http://schemas.microsoft.com/office/drawing/2014/main" id="{D9B8CE47-E4B6-F601-D28B-3D11360EB83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6" name="Pijl: rechts 66">
                  <a:extLst>
                    <a:ext uri="{FF2B5EF4-FFF2-40B4-BE49-F238E27FC236}">
                      <a16:creationId xmlns:a16="http://schemas.microsoft.com/office/drawing/2014/main" id="{08546D44-1129-5A1A-9F39-CEC6F7053BD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101" name="Rechte verbindingslijn 43">
                <a:extLst>
                  <a:ext uri="{FF2B5EF4-FFF2-40B4-BE49-F238E27FC236}">
                    <a16:creationId xmlns:a16="http://schemas.microsoft.com/office/drawing/2014/main" id="{8DFA3CF4-BE2E-507C-2830-9AE80469AC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2" name="Rechte verbindingslijn 44">
                <a:extLst>
                  <a:ext uri="{FF2B5EF4-FFF2-40B4-BE49-F238E27FC236}">
                    <a16:creationId xmlns:a16="http://schemas.microsoft.com/office/drawing/2014/main" id="{9EEDB271-84FC-5709-1481-64287FB7990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3" name="Rechthoek 45">
                <a:extLst>
                  <a:ext uri="{FF2B5EF4-FFF2-40B4-BE49-F238E27FC236}">
                    <a16:creationId xmlns:a16="http://schemas.microsoft.com/office/drawing/2014/main" id="{4BB877FB-6884-433A-834E-F465B4A3F95F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4" name="Rechthoek 46">
                <a:extLst>
                  <a:ext uri="{FF2B5EF4-FFF2-40B4-BE49-F238E27FC236}">
                    <a16:creationId xmlns:a16="http://schemas.microsoft.com/office/drawing/2014/main" id="{DA5915BA-1623-F9C6-F42D-5C37E1D2E3A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5" name="Groep 47">
                <a:extLst>
                  <a:ext uri="{FF2B5EF4-FFF2-40B4-BE49-F238E27FC236}">
                    <a16:creationId xmlns:a16="http://schemas.microsoft.com/office/drawing/2014/main" id="{E890B4DE-6F34-A6D5-31AB-A741D03DF7F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5" name="Rechthoek 57">
                  <a:extLst>
                    <a:ext uri="{FF2B5EF4-FFF2-40B4-BE49-F238E27FC236}">
                      <a16:creationId xmlns:a16="http://schemas.microsoft.com/office/drawing/2014/main" id="{75D67FE2-5E9B-967B-FB35-616121AD83FF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6" name="Groep 58">
                  <a:extLst>
                    <a:ext uri="{FF2B5EF4-FFF2-40B4-BE49-F238E27FC236}">
                      <a16:creationId xmlns:a16="http://schemas.microsoft.com/office/drawing/2014/main" id="{202F15B8-7559-7700-27F6-704D1F69B8E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0" name="Rechte verbindingslijn 60">
                    <a:extLst>
                      <a:ext uri="{FF2B5EF4-FFF2-40B4-BE49-F238E27FC236}">
                        <a16:creationId xmlns:a16="http://schemas.microsoft.com/office/drawing/2014/main" id="{F114E906-9596-E6EB-FB9A-77166492211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1">
                    <a:extLst>
                      <a:ext uri="{FF2B5EF4-FFF2-40B4-BE49-F238E27FC236}">
                        <a16:creationId xmlns:a16="http://schemas.microsoft.com/office/drawing/2014/main" id="{D0E27FE6-A4DF-3223-0F17-D5443BA757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2">
                    <a:extLst>
                      <a:ext uri="{FF2B5EF4-FFF2-40B4-BE49-F238E27FC236}">
                        <a16:creationId xmlns:a16="http://schemas.microsoft.com/office/drawing/2014/main" id="{F2215368-2ABC-CEB9-1F54-7F5ECB0C733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3" name="Rechte verbindingslijn 63">
                    <a:extLst>
                      <a:ext uri="{FF2B5EF4-FFF2-40B4-BE49-F238E27FC236}">
                        <a16:creationId xmlns:a16="http://schemas.microsoft.com/office/drawing/2014/main" id="{DDC04AB2-4F7D-F290-A917-B01BA6CE2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4" name="Rechte verbindingslijn 64">
                    <a:extLst>
                      <a:ext uri="{FF2B5EF4-FFF2-40B4-BE49-F238E27FC236}">
                        <a16:creationId xmlns:a16="http://schemas.microsoft.com/office/drawing/2014/main" id="{A6FB5329-A647-C33C-934A-7BF729B27A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311F8359-E838-7318-6084-FD836E15BED7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6" name="Groep 48">
                <a:extLst>
                  <a:ext uri="{FF2B5EF4-FFF2-40B4-BE49-F238E27FC236}">
                    <a16:creationId xmlns:a16="http://schemas.microsoft.com/office/drawing/2014/main" id="{F85D98CD-8F5B-55CC-AE06-52BFF3909EBA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7" name="Rechthoek 49">
                  <a:extLst>
                    <a:ext uri="{FF2B5EF4-FFF2-40B4-BE49-F238E27FC236}">
                      <a16:creationId xmlns:a16="http://schemas.microsoft.com/office/drawing/2014/main" id="{4DB31ADC-9F57-6D72-1B1B-50239F5069A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8" name="Groep 50">
                  <a:extLst>
                    <a:ext uri="{FF2B5EF4-FFF2-40B4-BE49-F238E27FC236}">
                      <a16:creationId xmlns:a16="http://schemas.microsoft.com/office/drawing/2014/main" id="{A9E8489A-4C80-0F20-1EA6-F9B635A9CA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10" name="Rechte verbindingslijn 52">
                    <a:extLst>
                      <a:ext uri="{FF2B5EF4-FFF2-40B4-BE49-F238E27FC236}">
                        <a16:creationId xmlns:a16="http://schemas.microsoft.com/office/drawing/2014/main" id="{5796CC12-CD4A-FCB6-1B1B-85CC2211BD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3">
                    <a:extLst>
                      <a:ext uri="{FF2B5EF4-FFF2-40B4-BE49-F238E27FC236}">
                        <a16:creationId xmlns:a16="http://schemas.microsoft.com/office/drawing/2014/main" id="{301D66E8-A2B5-873C-4594-66F131D0A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4">
                    <a:extLst>
                      <a:ext uri="{FF2B5EF4-FFF2-40B4-BE49-F238E27FC236}">
                        <a16:creationId xmlns:a16="http://schemas.microsoft.com/office/drawing/2014/main" id="{08A88D98-AB3C-5813-6F09-491643129A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3" name="Rechte verbindingslijn 55">
                    <a:extLst>
                      <a:ext uri="{FF2B5EF4-FFF2-40B4-BE49-F238E27FC236}">
                        <a16:creationId xmlns:a16="http://schemas.microsoft.com/office/drawing/2014/main" id="{554C4031-93F5-E427-0FD5-75AACE9A2DE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4" name="Rechte verbindingslijn 56">
                    <a:extLst>
                      <a:ext uri="{FF2B5EF4-FFF2-40B4-BE49-F238E27FC236}">
                        <a16:creationId xmlns:a16="http://schemas.microsoft.com/office/drawing/2014/main" id="{8050B2AC-99EE-4A68-1CB8-FB3C759A02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9" name="Pijl: rechts 51">
                  <a:extLst>
                    <a:ext uri="{FF2B5EF4-FFF2-40B4-BE49-F238E27FC236}">
                      <a16:creationId xmlns:a16="http://schemas.microsoft.com/office/drawing/2014/main" id="{C9833D25-88FE-7223-1E50-21120FC331B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81" name="INSTRUCTIE">
            <a:extLst>
              <a:ext uri="{FF2B5EF4-FFF2-40B4-BE49-F238E27FC236}">
                <a16:creationId xmlns:a16="http://schemas.microsoft.com/office/drawing/2014/main" id="{F6B47C9A-3C09-1807-B029-0B6742C2117F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2" name="Rechthoek 82">
              <a:extLst>
                <a:ext uri="{FF2B5EF4-FFF2-40B4-BE49-F238E27FC236}">
                  <a16:creationId xmlns:a16="http://schemas.microsoft.com/office/drawing/2014/main" id="{F829B778-272E-FE05-5603-35ED43065FD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3" name="Rechthoek 83">
              <a:extLst>
                <a:ext uri="{FF2B5EF4-FFF2-40B4-BE49-F238E27FC236}">
                  <a16:creationId xmlns:a16="http://schemas.microsoft.com/office/drawing/2014/main" id="{E71CDD0E-07E9-655B-1A63-26518AEEA2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4" name="Ovaal 84">
              <a:extLst>
                <a:ext uri="{FF2B5EF4-FFF2-40B4-BE49-F238E27FC236}">
                  <a16:creationId xmlns:a16="http://schemas.microsoft.com/office/drawing/2014/main" id="{075B81D6-2D77-A85D-7743-A678FB3E4A3A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5" name="Rechthoek 85">
              <a:extLst>
                <a:ext uri="{FF2B5EF4-FFF2-40B4-BE49-F238E27FC236}">
                  <a16:creationId xmlns:a16="http://schemas.microsoft.com/office/drawing/2014/main" id="{9584D897-3D09-2531-1C18-F74425D8D3C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6" name="Groep 86">
              <a:extLst>
                <a:ext uri="{FF2B5EF4-FFF2-40B4-BE49-F238E27FC236}">
                  <a16:creationId xmlns:a16="http://schemas.microsoft.com/office/drawing/2014/main" id="{B5F19A97-AB0F-39DB-4EF6-18C4196B503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5" name="Rechthoek 115">
                <a:extLst>
                  <a:ext uri="{FF2B5EF4-FFF2-40B4-BE49-F238E27FC236}">
                    <a16:creationId xmlns:a16="http://schemas.microsoft.com/office/drawing/2014/main" id="{74FD1420-2571-56D8-74C7-9C5832CED8B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Ovaal 116">
                <a:extLst>
                  <a:ext uri="{FF2B5EF4-FFF2-40B4-BE49-F238E27FC236}">
                    <a16:creationId xmlns:a16="http://schemas.microsoft.com/office/drawing/2014/main" id="{C4DE92A2-E055-BD34-B854-2EB939B6E76B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7" name="Vrije vorm: vorm 117">
                <a:extLst>
                  <a:ext uri="{FF2B5EF4-FFF2-40B4-BE49-F238E27FC236}">
                    <a16:creationId xmlns:a16="http://schemas.microsoft.com/office/drawing/2014/main" id="{F807E991-66BA-7423-0E20-BB826601B6C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8" name="Rechthoek: afgeronde hoeken 118">
                <a:extLst>
                  <a:ext uri="{FF2B5EF4-FFF2-40B4-BE49-F238E27FC236}">
                    <a16:creationId xmlns:a16="http://schemas.microsoft.com/office/drawing/2014/main" id="{CE585367-30B9-54A4-253D-75BA33A8886D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9" name="Rechte verbindingslijn 119">
                <a:extLst>
                  <a:ext uri="{FF2B5EF4-FFF2-40B4-BE49-F238E27FC236}">
                    <a16:creationId xmlns:a16="http://schemas.microsoft.com/office/drawing/2014/main" id="{5957EDBC-42EC-5A24-ECA1-49F5A60F621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0" name="Rechte verbindingslijn 120">
                <a:extLst>
                  <a:ext uri="{FF2B5EF4-FFF2-40B4-BE49-F238E27FC236}">
                    <a16:creationId xmlns:a16="http://schemas.microsoft.com/office/drawing/2014/main" id="{7B3E892D-3B3D-C321-840A-8831330B0BE1}"/>
                  </a:ext>
                </a:extLst>
              </p:cNvPr>
              <p:cNvCxnSpPr>
                <a:cxnSpLocks/>
                <a:stCxn id="21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7" name="Ovaal 87">
              <a:extLst>
                <a:ext uri="{FF2B5EF4-FFF2-40B4-BE49-F238E27FC236}">
                  <a16:creationId xmlns:a16="http://schemas.microsoft.com/office/drawing/2014/main" id="{1A7C0CF2-0151-DEC2-87D5-0D3425BDF8DB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8" name="Rechthoek 88">
              <a:extLst>
                <a:ext uri="{FF2B5EF4-FFF2-40B4-BE49-F238E27FC236}">
                  <a16:creationId xmlns:a16="http://schemas.microsoft.com/office/drawing/2014/main" id="{DC0DF8BC-3A70-6ED8-4D14-A3B18F708DE0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9" name="Groep 89">
              <a:extLst>
                <a:ext uri="{FF2B5EF4-FFF2-40B4-BE49-F238E27FC236}">
                  <a16:creationId xmlns:a16="http://schemas.microsoft.com/office/drawing/2014/main" id="{0AD5EC13-7820-54F5-9C0E-5AF81DD9152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2" name="Rechthoek 112">
                <a:extLst>
                  <a:ext uri="{FF2B5EF4-FFF2-40B4-BE49-F238E27FC236}">
                    <a16:creationId xmlns:a16="http://schemas.microsoft.com/office/drawing/2014/main" id="{D4717CEC-8043-F65C-2284-455A858CDC9F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3" name="Rechte verbindingslijn 113">
                <a:extLst>
                  <a:ext uri="{FF2B5EF4-FFF2-40B4-BE49-F238E27FC236}">
                    <a16:creationId xmlns:a16="http://schemas.microsoft.com/office/drawing/2014/main" id="{4D8835CF-B117-20EA-83DF-21971D0D645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4" name="Gelijkbenige driehoek 114">
                <a:extLst>
                  <a:ext uri="{FF2B5EF4-FFF2-40B4-BE49-F238E27FC236}">
                    <a16:creationId xmlns:a16="http://schemas.microsoft.com/office/drawing/2014/main" id="{AB66618E-D0F5-D79A-D539-50557B1CA28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0" name="Ovaal 90">
              <a:extLst>
                <a:ext uri="{FF2B5EF4-FFF2-40B4-BE49-F238E27FC236}">
                  <a16:creationId xmlns:a16="http://schemas.microsoft.com/office/drawing/2014/main" id="{91EDE4C3-24BC-B4C0-9D4A-437C4EA5CB0A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1" name="Rechthoek 91">
              <a:extLst>
                <a:ext uri="{FF2B5EF4-FFF2-40B4-BE49-F238E27FC236}">
                  <a16:creationId xmlns:a16="http://schemas.microsoft.com/office/drawing/2014/main" id="{A9EE8F42-1D5B-68A7-E0BF-47A8140242E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2" name="Groep 92">
              <a:extLst>
                <a:ext uri="{FF2B5EF4-FFF2-40B4-BE49-F238E27FC236}">
                  <a16:creationId xmlns:a16="http://schemas.microsoft.com/office/drawing/2014/main" id="{2E6D8FD5-FDFE-9B8D-91AD-6D61E2E305F4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6" name="Groep 96">
                <a:extLst>
                  <a:ext uri="{FF2B5EF4-FFF2-40B4-BE49-F238E27FC236}">
                    <a16:creationId xmlns:a16="http://schemas.microsoft.com/office/drawing/2014/main" id="{418FCFD4-A9F2-D618-C9A5-14A25FC591D3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9" name="Groep 99">
                  <a:extLst>
                    <a:ext uri="{FF2B5EF4-FFF2-40B4-BE49-F238E27FC236}">
                      <a16:creationId xmlns:a16="http://schemas.microsoft.com/office/drawing/2014/main" id="{2D83D04D-B14B-F7D9-A3FE-E8DF0819E438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6" name="Groep 106">
                    <a:extLst>
                      <a:ext uri="{FF2B5EF4-FFF2-40B4-BE49-F238E27FC236}">
                        <a16:creationId xmlns:a16="http://schemas.microsoft.com/office/drawing/2014/main" id="{4DBFE049-BD8E-C7DE-A079-AA3247759F1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9" name="Rechthoek 109">
                      <a:extLst>
                        <a:ext uri="{FF2B5EF4-FFF2-40B4-BE49-F238E27FC236}">
                          <a16:creationId xmlns:a16="http://schemas.microsoft.com/office/drawing/2014/main" id="{005F1228-8098-619F-ED35-64DC1F7C769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0" name="Rechthoek 110">
                      <a:extLst>
                        <a:ext uri="{FF2B5EF4-FFF2-40B4-BE49-F238E27FC236}">
                          <a16:creationId xmlns:a16="http://schemas.microsoft.com/office/drawing/2014/main" id="{12578848-2607-3151-291E-74B1C171830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1" name="Ovaal 111">
                      <a:extLst>
                        <a:ext uri="{FF2B5EF4-FFF2-40B4-BE49-F238E27FC236}">
                          <a16:creationId xmlns:a16="http://schemas.microsoft.com/office/drawing/2014/main" id="{EF16BFF1-376E-9087-BD1B-15680180916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7" name="Afbeelding 107">
                    <a:extLst>
                      <a:ext uri="{FF2B5EF4-FFF2-40B4-BE49-F238E27FC236}">
                        <a16:creationId xmlns:a16="http://schemas.microsoft.com/office/drawing/2014/main" id="{B8F4CB50-D730-AAA8-0822-C8C38108BA5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8" name="Afbeelding 108">
                    <a:extLst>
                      <a:ext uri="{FF2B5EF4-FFF2-40B4-BE49-F238E27FC236}">
                        <a16:creationId xmlns:a16="http://schemas.microsoft.com/office/drawing/2014/main" id="{ABFBF947-70EE-FD24-9B3B-7561BCC49C6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0" name="Groep 100">
                  <a:extLst>
                    <a:ext uri="{FF2B5EF4-FFF2-40B4-BE49-F238E27FC236}">
                      <a16:creationId xmlns:a16="http://schemas.microsoft.com/office/drawing/2014/main" id="{DCDD69FF-06E7-FAF5-D495-4768FEFD3F77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4" name="Rechthoek 104">
                    <a:extLst>
                      <a:ext uri="{FF2B5EF4-FFF2-40B4-BE49-F238E27FC236}">
                        <a16:creationId xmlns:a16="http://schemas.microsoft.com/office/drawing/2014/main" id="{F6E181FC-1882-3845-8A15-D2491242024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5" name="Rechthoek 105">
                    <a:extLst>
                      <a:ext uri="{FF2B5EF4-FFF2-40B4-BE49-F238E27FC236}">
                        <a16:creationId xmlns:a16="http://schemas.microsoft.com/office/drawing/2014/main" id="{2047149B-5813-0611-F630-5583035EFB2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1" name="Groep 101">
                  <a:extLst>
                    <a:ext uri="{FF2B5EF4-FFF2-40B4-BE49-F238E27FC236}">
                      <a16:creationId xmlns:a16="http://schemas.microsoft.com/office/drawing/2014/main" id="{07BDE95D-27FF-EA27-2D3C-4517893E1561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2">
                    <a:extLst>
                      <a:ext uri="{FF2B5EF4-FFF2-40B4-BE49-F238E27FC236}">
                        <a16:creationId xmlns:a16="http://schemas.microsoft.com/office/drawing/2014/main" id="{A23BF25C-CBCF-FA72-CC55-1C41A8DC0FB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3">
                    <a:extLst>
                      <a:ext uri="{FF2B5EF4-FFF2-40B4-BE49-F238E27FC236}">
                        <a16:creationId xmlns:a16="http://schemas.microsoft.com/office/drawing/2014/main" id="{89A9BDCA-03E4-74DC-A580-D6690BDA7EE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7" name="Rechthoek 97">
                <a:extLst>
                  <a:ext uri="{FF2B5EF4-FFF2-40B4-BE49-F238E27FC236}">
                    <a16:creationId xmlns:a16="http://schemas.microsoft.com/office/drawing/2014/main" id="{38CD2CE7-9EE8-1FA6-B855-CB7E1C0520A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8" name="Gelijkbenige driehoek 98">
                <a:extLst>
                  <a:ext uri="{FF2B5EF4-FFF2-40B4-BE49-F238E27FC236}">
                    <a16:creationId xmlns:a16="http://schemas.microsoft.com/office/drawing/2014/main" id="{00104BAF-22F3-70BA-F1BC-3B56BD4FD21C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3" name="ICOON_info">
              <a:extLst>
                <a:ext uri="{FF2B5EF4-FFF2-40B4-BE49-F238E27FC236}">
                  <a16:creationId xmlns:a16="http://schemas.microsoft.com/office/drawing/2014/main" id="{CC57A662-E121-FF80-B963-E006D5FEFF19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4" name="Ovaal 94">
                <a:extLst>
                  <a:ext uri="{FF2B5EF4-FFF2-40B4-BE49-F238E27FC236}">
                    <a16:creationId xmlns:a16="http://schemas.microsoft.com/office/drawing/2014/main" id="{5736DE9A-90D5-69A0-5F3B-3CB8CC2760F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5" name="Graphic 163" descr="Informatie">
                <a:extLst>
                  <a:ext uri="{FF2B5EF4-FFF2-40B4-BE49-F238E27FC236}">
                    <a16:creationId xmlns:a16="http://schemas.microsoft.com/office/drawing/2014/main" id="{B2FDE904-A112-91A3-D3EF-D78D182A312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9" name="Tijdelijke aanduiding voor tekst 4">
            <a:extLst>
              <a:ext uri="{FF2B5EF4-FFF2-40B4-BE49-F238E27FC236}">
                <a16:creationId xmlns:a16="http://schemas.microsoft.com/office/drawing/2014/main" id="{54D00A56-B3D5-DFF8-8504-35B2294FFBA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400"/>
            </a:lvl4pPr>
            <a:lvl5pPr>
              <a:defRPr sz="1200"/>
            </a:lvl5pPr>
            <a:lvl6pPr>
              <a:defRPr sz="2000"/>
            </a:lvl6pPr>
          </a:lstStyle>
          <a:p>
            <a:pPr lvl="0"/>
            <a:r>
              <a:rPr lang="en-US" sz="1600" noProof="0"/>
              <a:t>Click to edit Master text styl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0B4A94E-9C20-3B54-848B-5CCFB68C8F2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8C7FDA4-A733-2BAF-C649-C1E2498B1D5F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57759019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+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chemeClr val="tx1"/>
                </a:solidFill>
                <a:effectLst/>
                <a:latin typeface="+mn-lt"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CB9D2345-6639-B58B-DD01-CB9B017EF3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101821"/>
            <a:ext cx="5047200" cy="1547135"/>
          </a:xfrm>
        </p:spPr>
        <p:txBody>
          <a:bodyPr anchor="t"/>
          <a:lstStyle>
            <a:lvl1pPr>
              <a:defRPr>
                <a:solidFill>
                  <a:schemeClr val="bg1"/>
                </a:solidFill>
                <a:highlight>
                  <a:srgbClr val="BC1E31"/>
                </a:highlight>
              </a:defRPr>
            </a:lvl1pPr>
          </a:lstStyle>
          <a:p>
            <a:r>
              <a:rPr lang="en-US" noProof="0"/>
              <a:t>Click to edit Master title style</a:t>
            </a:r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DCC5F3C1-F59B-6C3C-24FE-E9D360124C5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A62A1899-7153-7102-69A7-DE368E37B98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300353EA-DD8A-5528-594B-70E4B5131651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46DDA29F-30DC-70DF-96A6-1723B63BFF16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2B6BC469-572A-3A26-303C-D1D3227A879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0AAD1D61-D70E-24F3-75E0-8293C529450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80CA8295-8EB4-685C-9C17-3C9E4C5EC4E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CDFC484D-A968-D620-C933-0E9DF03F937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D4E74ECE-9AB7-E8C5-59A8-9B13A258498E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ABD26A63-9F33-551C-63FA-CD7DAB0A594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B12D5066-683B-1E99-4A71-8112CF595F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2BE2A869-AB84-DC5F-EC65-6DEF23B3137D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42F920C2-5A06-F31C-71E1-AFDC583A294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0BFE36C5-CBD2-2856-7D0D-7BBBF80B8BB9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605D2E4E-883B-5794-38F5-994A8ACBFD2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1931A919-A88F-2500-3ADE-F4309F01B64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EB2B0B7F-6CDF-3741-5928-7B40F5079D0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7CB3269-5C4A-28D4-2E55-86D858A96AD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5F559535-D192-2D5A-405C-4E7C5E9CD18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DBCB9547-2482-6957-2247-6D2C358E80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0BC4B006-4649-98C2-7CF2-31DC68C38553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849B8652-F6D0-3CD6-900F-38019BD851D3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3308CA5D-3422-F188-7A9B-703E39CC7F4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432C7EA2-C387-FD30-A9C5-1FD98A96E81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0EAB3E62-C136-4B21-B6AD-62422E2039E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7E0E97D3-999F-2337-D395-243FEAEE6AE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F46BB16C-43CF-2874-3E7C-5F93EE866E67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F60EADE-244A-9593-1C8F-1B8E97BA3DFA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59DFC870-952B-B7D4-8007-033AEE00756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981EA467-9D28-C992-437F-EA5A2A6D3DD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DC7A5A78-97A2-8357-100E-B38C618240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0DD55672-3102-EFC4-E65A-E799F29A93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97309ED2-B65C-1899-4DC3-9047DAFE6E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B3A5FF0-79DD-6418-362C-F99A359263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418CF107-01BA-C318-EE7B-AE65DE4D27B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BE4F713-D54A-1DD9-AF40-19FBD92C2B5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4E8204E5-C547-58A0-0E10-765875C72335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69641C24-F7DE-70A1-F306-F2F6EA5A1B2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F1EE72A1-97D2-FEE0-7C47-92411E43A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0FC7626A-C3C7-A986-9469-B2B618C386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4B9BDFAF-ACD0-14F0-857B-4BCA560BF1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DCA60A5B-7B4A-C79B-7E22-97CD6753B0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B3E587D-AF90-AA6C-83F0-C11EC26D78D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F88BF9D1-3FA6-B44D-5A17-59A1F250652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39F4C1AB-2163-0D1D-BD47-8A59AF74B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74325DF2-8CF6-42A5-F3FB-B2DBFDED220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F735AB7D-9557-3A4B-F34C-916D3ED8CC19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17A0AF5E-B651-F009-D8E7-C93C781D7D3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F4D67F87-2D9F-7E0D-6BCD-9CF25D181952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75C972B0-737D-DADC-2DF6-841FAF7EC9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FBF14B7-2437-9BCF-F74F-B14A9183CB1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21DB1FFE-7E8C-68ED-609A-5D304A4A665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ED7FF628-7BA0-5AF3-94DA-F960121A29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D46A3D15-80FC-E672-9275-307CCF6A2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B466E-BCC9-B802-0CDE-258D66E47D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D83C026F-6FC8-0C1D-815F-5FE20583B5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C1D6AC33-9EBE-6019-19D1-A0D1AAC97094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ABF9A88-87D8-1022-7199-3296E74FB234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49F08CBF-E9F5-1CEA-4F40-E39B5EA9A49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EFAA2E49-8497-EFDE-1182-D86B98A79C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289A4892-3320-BD2B-C34E-10AEB4A121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715C920E-AB84-3DFA-DCC0-1976D38D2B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E2F93743-F116-FFEE-2636-55D6B93F07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EE96D28C-D850-2BD0-C5D9-0424C946521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A4F46FF1-910B-3BD6-7EC5-1EE2F23AF0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934F979C-2B04-C8C4-C819-94A6CA472F73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417A1876-3A4F-1534-8CA5-3B9BAF992C4C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6A3DA024-CDF8-5E5F-8EE6-A948A5904D8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08F66B53-0752-F866-FBAB-EC9F7C7680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A060826-2B36-EAB0-2B63-E27AA55EAAEB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BDCB06B6-9802-0D30-2E16-56B24E281DC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92C73ACE-8D68-0F07-BBAC-A75A0B65BDF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4B83C1F9-0CCE-3B72-8F5A-FD8FC51822A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2C8A1118-97E2-CF8D-95C5-C30A0DDC244D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185030FE-3558-11DB-8521-A953279F4C4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FEF5C603-336F-44EF-72ED-26269A69925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AB10CB72-9A87-EAFF-C8E9-2FE6BCDD491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38980388-4EAC-464B-26D1-FAC56926DFCE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5F575206-0581-F2B5-0EAF-5802E268C36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25AB9771-A850-EDC2-FACA-72B1A8064F0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5E2F2534-53C2-6B31-B85F-C6038ACCD1E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2002840-C049-18D3-933B-63CCA35521B3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29D8C565-DF9A-E6EA-FD67-A233781F3A8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04B2C22-5A61-AD1E-A719-1FD5D120824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5038D957-7FE3-4E44-ECFF-763674C660E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6642F135-FF8C-9B9D-2596-865D7C52CA7C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CD1E64F3-633B-A5BF-D0D0-04473807625F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7CD5D252-7D1F-BCF4-BB72-7F905072397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7648FA64-02F8-37AB-2B86-E5089E18DA0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0F5E058D-ECF3-9EC4-5951-4F52746BD74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EA02E9F4-CA2C-9A78-802A-95B6A090C9AB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E4D823E6-664A-2919-1681-517A379047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4D5A85EC-C31C-DA17-297C-A5CDFD2A9C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614C4DCC-A528-B3F0-0A48-D10E3B833C3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57EB2EAF-7F4C-8D54-10F5-3C7584B41D8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9EFB7B58-2CFD-2C73-54D2-B1C25E63D8E3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4FEDEC75-A032-47FC-CDEB-289894E85CF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059FF5CE-75C5-A884-BDDE-CC97D904DE5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3FDD1AB-60FC-46D6-9DA2-3A46C2EE0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03EB8030-8B52-10E7-CFA9-0B16D2639B6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EBB80DEE-E664-5FCE-5318-70ADDE34169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E4A3EF6-8125-C6FA-FB01-7A9CBE40611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546CB06F-D3FA-965C-9FF0-08A66773C2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24421E88-D3C4-BA5F-5969-D43CF467C7A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7F15F423-7E6B-D351-A2EC-EEF9501A092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1C4B2536-A7E5-B65A-E61A-DB1275FC843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5E15F37F-E345-C8B9-404A-1A69E55C7EE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0450C207-B6AE-B090-B5FF-B552A01761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38317546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00% Afbeeld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91544" y="4797152"/>
            <a:ext cx="8136904" cy="1368152"/>
          </a:xfrm>
        </p:spPr>
        <p:txBody>
          <a:bodyPr anchor="ctr">
            <a:normAutofit/>
          </a:bodyPr>
          <a:lstStyle>
            <a:lvl1pPr algn="ctr"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nl-NL" dirty="0"/>
          </a:p>
        </p:txBody>
      </p:sp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rgbClr val="000000"/>
                </a:solidFill>
                <a:effectLst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dirty="0"/>
              <a:t>Klik op onderstaand pictogram om een afbeelding in te voegen</a:t>
            </a:r>
            <a:endParaRPr lang="nl-NL"/>
          </a:p>
        </p:txBody>
      </p:sp>
      <p:grpSp>
        <p:nvGrpSpPr>
          <p:cNvPr id="4" name="INSTRUCTIE">
            <a:extLst>
              <a:ext uri="{FF2B5EF4-FFF2-40B4-BE49-F238E27FC236}">
                <a16:creationId xmlns:a16="http://schemas.microsoft.com/office/drawing/2014/main" id="{2C7BD7AD-CC8D-1936-84C6-CEE7BFD6F60D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7CF61DBD-773E-2DB6-3282-1404E7E4943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24AB6E9-D7C7-4835-A17E-4135A5E51556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942ECD39-58EA-6BFB-4604-E8BDB45EE32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3F68473E-5295-D70D-25BE-4E6F96F2030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8BC61B1B-664A-3551-89E0-2A871C932356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DE2C781C-C0B5-9362-3D43-722323218547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D4269AE7-0DC8-1057-2D46-710967F5B96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2077354-AEFA-51CB-E496-F5FAF9A9865A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99D7141-50F4-F634-6BD3-D127BD76D84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F4B5F2EF-EE19-050D-6F5E-E1475A45DD2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5FBB8473-3635-7740-E7C3-1D1FA778618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D1962046-AF7A-1D68-1543-5326A7F937B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2E8AE1B6-9BC8-F3F4-773C-759F1A8CFD20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EA6FCAE9-9582-1368-1C1E-5FDAFB0CC271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A7CCC4AB-3730-0EC9-F6D6-43A7028347C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6E4384BE-E1F2-E9AF-AB97-D86ACF75B0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A25B6AA2-A328-7F91-18B1-969657F5DD2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C9E4C4E5-4B9E-95F1-EB81-F4D152EEC1CF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A25E5595-0E07-026D-719A-579C79AEB6E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0A8ABC4-E357-985F-7FA9-2348737940E6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435157A2-FA20-5B40-7BF0-24EEB7B1A49A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B868E86C-9409-A646-01FE-CC0AA0E024D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C886C73-B1E5-4411-BEBD-B135847ED7D7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94F3C5D2-A4FC-21C7-E9CF-5BDE657A4C5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95DD8D75-C5F9-AD63-1969-9CE1A09985B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748DBFB6-7729-C34F-FC02-6A0AEA1A5ABB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1460CE0A-B556-4981-8054-27EDAF406D09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60D87BCE-35EC-C52B-CEC9-16EB591E550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699D25FE-B085-53D8-7231-2E515923C91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76E2D5C1-E28A-FCA4-AC07-07F85963F5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EDD0EBEE-9422-C673-2C75-15BA48A4E5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B564AA49-96A2-1A1A-23EC-DBA926A399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EC71B7D-29EC-C942-00D7-3484D009D00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235F5FB9-E957-D88F-7A4F-CF936F853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90082333-4CDF-9B8E-DB50-B192EB40B7D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B53E7C88-278A-C1DE-C7FE-7249BA73B2E0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0882DA52-FEC0-E99E-3568-97C22945A08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3A2B3506-D70A-A8FB-CA02-96B0E7DAE62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6808A90C-D36B-A494-54FD-1E0907640C4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CF865A98-1B26-036B-7EC4-C8624A74A0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83C345E9-F2B4-2109-00C3-6F5A076C8C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2F2F4854-118A-D6A7-EE9E-2A1C4468D0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A4AF9672-C281-46DA-615D-B67A806193C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8549B60C-B40A-CF15-EAB4-69BA2E2821C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D66E9D12-913D-D971-9967-AF195909AB1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64E8B9F-ED18-D411-37CD-D44C97E18102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648C3F13-2057-22F0-1596-B8977EB1158C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454561E5-FBBA-82D9-585D-F85C5B399DA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6CB0A575-02D4-A8D6-381E-B97A7963A932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050572EB-6E07-81B7-1D23-D1603FA8D57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663A2238-0B2C-1818-97F5-BCF431EB7C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66E7D144-2A30-D21A-510B-B473CDB4B2D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034DE342-4A63-9C7D-F9EF-C0515C7C70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628388AC-D0A3-4ACF-9AB4-82C349E2140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CC0E483C-D195-3249-8344-6CCAC8364A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83FC2D55-7C21-D4FF-8AF1-A5316B440D5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6B9F158B-79BA-AE85-BB96-4F53990A1097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8B54ECC1-75C5-2DA5-D58A-C81A5333CA37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2318F485-DA21-86CA-5E60-FC14738F830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06145FB7-65B5-B726-0DE6-42A17B91D1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6169ED15-F1CC-AE5D-C5E6-B652C5B503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E89B9AB-D02E-F3BA-B766-8099F92FDC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72B5D8E5-F764-7030-028A-63C6A8F7C62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87A69472-F9DE-6D78-8599-4AE49DFD98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D2B7BD1A-EBF5-EA94-BD9B-17405FBFB9D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85B01DF-8088-A20E-467E-E38AAA04AF0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F3FD77B4-F487-8A7A-6065-01B1614B5B48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70577B5F-8FD1-E0A4-A406-FA869A01353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773F704E-5409-AA19-DFAC-F640D0CCD2B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9CF00C01-436C-B33F-813B-F8080F929A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E1286112-2BC7-2231-FCD1-0D2D10D721D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94C73EBA-FA57-AAFF-483F-B4791F4907A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C251E107-E139-EF91-6EE3-3B60F6F24D1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62334B80-19E5-C9AD-0793-C3FBDF0051E7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A92DF6ED-87CC-B9D7-A228-B56556D02C1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88A8C9C3-EA15-11BD-6593-5B921F1856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EAF83AD8-7106-EA93-A835-71C8C119714C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26EF9435-C3F0-BEE1-69EA-EC1DEAD6AA2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1CB79888-B7C4-C824-424A-DEE5B80A87A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C25372A4-6B4A-46E6-A6FF-205896A87B3D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D4E50E6-3A44-426F-A0EA-5925BEFEC6E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32814FD7-3174-773F-10F9-728BFFE4622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9C46E265-94C5-D9D8-761A-C6ACED0B4AA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AC9F1DB0-7027-6F9E-0BED-F03A94C550D9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85024909-A9D3-EF17-7E25-CB4C0EA28A2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7C9709D3-A091-A6D4-01CE-D06970758B4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E6264FE6-84A5-D0B2-DE4F-9DC62081D7A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2ABA5DA9-AC40-8C2D-6AE8-EDB0B0D971BB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E954662C-750C-0268-0754-A7859C1D2F23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4594890D-BCF3-28B3-DB7A-ED71EAB7A06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78136702-02CA-02A3-493D-BE32AF4B55D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75FD1A79-B28A-33B8-D77A-F24D851F575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7DB86738-AA97-32E8-49EA-FB716ACA02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B8F09CEA-301C-1982-3F96-AF5E7363672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4A44DCCF-49C4-9D65-192A-9E98D0DDA47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EB68F982-0436-A015-BE2B-09107C81BDF8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38711A90-B36C-AA98-E66A-23DD0107DA6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9711843-50E8-8000-BDD8-D8BEF419565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845A698A-B93D-0552-B079-CCA79372198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DD3DCA32-B648-4809-FE6B-3893FB8C817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5E5F255-9275-00CE-0435-178BC7DD065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B11C6273-E9BA-F22A-C3AF-10039435F0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E481F795-20D3-D1FF-6738-E99D306EBE24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B718AF54-5D00-906D-E3E7-E9B3E4B4A4B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EB5E6820-AAF0-AC6A-2841-9ACCF0FC66B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A72C1759-2E82-9FD6-490B-79BEF799D1D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28D9589B-26D0-54C6-3557-DFAB5902565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32358249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540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74800" y="1760400"/>
            <a:ext cx="540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E9A2E04F-2789-C62C-95BF-01C2A9F8A91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52FDA6BB-AF18-2E83-81CD-EC2A255A524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E97622AC-C05F-E19F-EA60-3D8E1918D578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E02586D0-46A3-7578-03E8-805D7855AADB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71F78382-122B-A672-BB36-00709168EB1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614124A7-CB4D-C96C-6EB0-ED5962FF9E42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0FE077B7-8FD2-0562-FB35-A1426EA6656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2D4151C2-F095-6D3C-00EC-D2E3E9420CA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09B43708-8655-49F7-F17C-4E6BF0D4F671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4FABC04F-CB73-5EC9-39CF-D4E4E97F2CA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38D7775E-301D-0B1C-ED05-1047F26B03A9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DCE748D3-B5D0-34AE-4DA0-0D733C166D5F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97A63D4-F11B-EAA8-A19D-4589B667377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76C72ACB-F851-F050-715B-11FBEE5469D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A59760B7-0D1B-DE80-C3EB-64AF160F422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5CCEA6E-1EC5-692A-CCDE-7D0F9504547D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E62B74D1-2398-F857-67F5-36C6E9E540F5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875D660A-EA97-D507-DEB5-0991B467C83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B48E3A2-67FF-EA40-8F3D-BB195F2D2886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93AE9CF9-7283-ABC7-3EEF-A9D9B4D780CA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768EE2BF-CE0F-CE96-9E4A-6D6B7133321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1FA6109-8607-5A73-DC0F-2CF9BDFA6175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0BF1EBA9-BA06-55F8-C43F-E6365A25DFD7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A6F0D66D-A47B-34C3-16CF-48607192DFF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7B28A21E-EAF4-1A58-0FCA-5E2786821BD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FF753BBF-0641-0BAC-F51B-AC3B87DCA454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4B0225D3-235F-40DA-5629-5FFA90A07CFC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72E114A9-0AE6-72D8-E7E2-3B47815012C8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8E70593C-08B2-7F2C-C472-0FC62D45AC66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B81C9966-AA9B-6B29-20A3-CBD7EF4A4E8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E2059D70-A06B-086E-A34A-ACAA3D7ED5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CC817344-EDFB-4EC5-3209-0942D5C6A1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B9FEA03B-275E-4103-0420-EE19DBB220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B9349571-2617-4061-9F5B-65CD938347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66C34877-2FA4-AE12-0440-DA0D8180A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6A8CE5EC-C883-BB5A-CF40-CAB5CF5FFBB5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DF795AF1-8CAD-40F1-A1E9-7351C80361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7BB5A870-D283-91B9-6BB5-3678D995FDF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0E60B78D-414D-EE1E-341C-ACE4804740F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CABB6D54-F9D0-1197-AA7F-E5F7270638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40C9F78E-F3E8-5982-EAA4-585DD050E6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F4464295-379F-760F-4BB5-D0B8D91835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68B1B0D7-4DE5-9723-6D61-F6F05EA0D42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240E2648-80EE-EE09-35CB-9FA6A5AD1B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95C503FF-E8CC-1FD8-E443-09BCFAEFEAE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AA78BA27-4108-2A89-887D-BA85CBB6ACF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5EFF2B9-2CF8-48A1-3A5D-A1D78C7EB15B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BB727645-15FF-549B-107D-5FED224DC6B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65593FB6-C021-839B-DD74-B5ABE273C30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DE673486-ED6C-B597-6244-CCF15AFF6A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E993D254-9F6F-8EA7-3E05-9CF00C5F3E8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FFDA5DDC-5E1B-A122-CEC0-5B59E43BDED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A518AAC8-7FA5-D34A-E53F-F400D76906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304AF06C-DEED-8B9E-40EB-7A389D7E17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E4439335-8D48-9360-2546-C0E72C3F92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8D64E78-4FFE-A7CF-595E-07E8B192FE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C2D614A-9659-D737-D32E-2FC59E7E54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9A1694BA-D48C-C0B6-1E03-5B2ADD138E3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2AA323-702C-3D67-B3A9-B6C9F5401A5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59868271-1692-EE49-5A61-592BF1EDB7A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3C6F5298-181F-8A69-1479-6AFCB86FB6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D0466B5A-B75D-E3CC-FC95-74B4E7AA52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FE093126-7F94-91B7-4CE1-07F25A3B3E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900B5897-9D83-A799-F03E-90152BC306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17542543-ABC5-BDFB-BA5E-6DD1AA94A8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BAC2B19-4682-B2C7-BBB1-4972EF896FF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1668A486-E1C7-A3F2-86A1-35EAC9159DD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F273F0E1-E3B0-3225-D6A2-7C47F817967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4ACD5FED-1A86-44A6-767A-92FE3F0F0F4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7802DEC7-B5B7-B346-9B10-9A8DA23CEB4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AD6388F-8E76-16A8-2308-C179D64D6489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054CEBA8-AC22-383A-A833-E5D205A09EA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4B9185F9-7F53-9D7B-594F-F4F8FA1DA5E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5E791A27-0541-74A1-0AA7-1805FAE1B74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DF9E55FA-59C2-202A-5616-1242D1C328E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CE822DCE-031F-E892-8BFB-6664169BBE8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E99D383F-4464-C7C9-AE5D-C2276E44D80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BB118FD9-25F9-6DAF-ED26-6C0921D87C87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B6F538DE-3FB2-A95A-2764-7B5AA4C8CEA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5B1D61E3-4B2D-DD79-F3B2-D7C08B32841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EA68500E-1113-806C-200E-C2A6D94457A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46E05ECB-C191-5FD5-9AB6-39EE89FCAA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E6C47710-D229-41D7-6B16-77EF8311F3F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0AC46C9F-115D-57AC-13A0-929B13056760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D94C8DB2-D050-E27E-57AD-721F41240EF8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8FE52A4A-5B33-BFF2-21E5-5A99D24A421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1A6F0181-DBD7-C0E4-CB15-9D2A6ED84CFC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11E6E366-A5B4-4FD9-98A8-39DA7ACA0E15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F602F69A-AB1F-24FF-5DB2-2068FAF0356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4B1167D4-0309-006A-E596-16367E688669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78DDE4F-A4EE-4888-764B-E123CBBF28F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44D68048-B674-1DD4-1967-D3D43C62145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C81AB4D-EA66-5F15-E7C1-DD1F9F83094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4C16F138-640C-05A3-B2F4-BFEB4551C2B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2A4DCFD1-ED8F-6839-DD88-75BFFD0DE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D70D8985-1633-3F07-C206-E9FBCDFB543E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AEDB404-90BB-7C7F-9970-3A143A8B96A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671BA0C4-9F91-1CB1-703B-0F6F8F0EFFA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32FED32B-6B51-51D4-0308-4D388F066C4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819F3F15-D276-62F5-CF13-54E12EC4452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D676E005-60F4-A436-C705-9F1EAA2047E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796A47F6-9926-EB9F-6F3B-CA1A044490C7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5C4D62BB-9611-52C3-1C3E-01612DB0D2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BACC593-EED8-9671-9A4B-1B5036AD667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E0EA2E63-874D-D78B-D27B-4BDCC06037EA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E77029E-F1D6-9CA0-927F-3A790222B74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1F49F15C-A2DD-A073-D258-251C80C076A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2E9FEACD-B5CE-05AC-F334-0B613CCE9E3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7A74C54-9F84-CFFE-6CB6-19A7637FC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21645909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1.emf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89313" y="709200"/>
            <a:ext cx="11185200" cy="8856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endParaRPr lang="nl-NL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89314" y="1760400"/>
            <a:ext cx="11185199" cy="43599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 err="1"/>
              <a:t>Bullet</a:t>
            </a:r>
            <a:endParaRPr lang="nl-NL" dirty="0"/>
          </a:p>
          <a:p>
            <a:pPr lvl="1"/>
            <a:r>
              <a:rPr lang="nl-NL" dirty="0" err="1"/>
              <a:t>Dfdfd</a:t>
            </a:r>
            <a:endParaRPr lang="nl-NL" dirty="0"/>
          </a:p>
          <a:p>
            <a:pPr lvl="2"/>
            <a:r>
              <a:rPr lang="nl-NL" dirty="0" err="1"/>
              <a:t>Sds</a:t>
            </a:r>
            <a:endParaRPr lang="nl-NL" dirty="0"/>
          </a:p>
          <a:p>
            <a:pPr lvl="3"/>
            <a:r>
              <a:rPr lang="nl-NL" dirty="0"/>
              <a:t>Leestekst</a:t>
            </a:r>
            <a:endParaRPr lang="nl-NL"/>
          </a:p>
          <a:p>
            <a:pPr lvl="4"/>
            <a:r>
              <a:rPr lang="nl-NL" dirty="0"/>
              <a:t>Kop #1</a:t>
            </a:r>
            <a:endParaRPr lang="nl-NL"/>
          </a:p>
          <a:p>
            <a:pPr lvl="5"/>
            <a:r>
              <a:rPr lang="nl-NL" dirty="0"/>
              <a:t>Kop #2</a:t>
            </a:r>
            <a:endParaRPr lang="nl-NL"/>
          </a:p>
          <a:p>
            <a:pPr lvl="6"/>
            <a:r>
              <a:rPr lang="nl-NL" dirty="0"/>
              <a:t>Numerieke </a:t>
            </a:r>
            <a:r>
              <a:rPr lang="nl-NL" dirty="0" err="1"/>
              <a:t>bullets</a:t>
            </a:r>
            <a:endParaRPr lang="nl-NL" dirty="0"/>
          </a:p>
          <a:p>
            <a:pPr lvl="7"/>
            <a:r>
              <a:rPr lang="nl-NL" dirty="0"/>
              <a:t>Alfabetische </a:t>
            </a:r>
            <a:r>
              <a:rPr lang="nl-NL" dirty="0" err="1"/>
              <a:t>bullets</a:t>
            </a:r>
            <a:endParaRPr lang="nl-NL" dirty="0"/>
          </a:p>
          <a:p>
            <a:pPr lvl="8"/>
            <a:r>
              <a:rPr lang="nl-NL" dirty="0"/>
              <a:t>Sub-</a:t>
            </a:r>
            <a:r>
              <a:rPr lang="nl-NL" dirty="0" err="1"/>
              <a:t>bullet</a:t>
            </a:r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noProof="0" dirty="0"/>
          </a:p>
          <a:p>
            <a:pPr lvl="8"/>
            <a:endParaRPr lang="nl-NL" noProof="0" dirty="0"/>
          </a:p>
        </p:txBody>
      </p:sp>
      <p:pic>
        <p:nvPicPr>
          <p:cNvPr id="1354857265" name="image" descr="{&quot;templafy&quot;:{&quot;id&quot;:&quot;9ac60f99-b80d-4a4b-8add-08811498b582&quot;}}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205200" y="205200"/>
            <a:ext cx="3031200" cy="406232"/>
          </a:xfrm>
          <a:prstGeom prst="rect">
            <a:avLst/>
          </a:prstGeom>
        </p:spPr>
      </p:pic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5918D64D-8665-9F0D-F4B1-B67EC160CF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89314" y="6310800"/>
            <a:ext cx="41148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90511DDB-1996-780E-18AC-8FB7343B910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14513" y="6346800"/>
            <a:ext cx="3600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1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C001BC01-09AE-4334-B3B9-34CD6B0AB683}" type="slidenum">
              <a:rPr lang="nl-NL" smtClean="0"/>
              <a:pPr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618801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012" r:id="rId1"/>
    <p:sldLayoutId id="2147485031" r:id="rId2"/>
    <p:sldLayoutId id="2147485043" r:id="rId3"/>
    <p:sldLayoutId id="2147485032" r:id="rId4"/>
    <p:sldLayoutId id="2147485033" r:id="rId5"/>
    <p:sldLayoutId id="2147485034" r:id="rId6"/>
    <p:sldLayoutId id="2147485042" r:id="rId7"/>
    <p:sldLayoutId id="2147485020" r:id="rId8"/>
    <p:sldLayoutId id="2147485035" r:id="rId9"/>
    <p:sldLayoutId id="2147485036" r:id="rId10"/>
    <p:sldLayoutId id="2147485037" r:id="rId11"/>
    <p:sldLayoutId id="2147485038" r:id="rId12"/>
    <p:sldLayoutId id="2147485039" r:id="rId13"/>
    <p:sldLayoutId id="2147485013" r:id="rId14"/>
    <p:sldLayoutId id="2147485040" r:id="rId15"/>
    <p:sldLayoutId id="2147485041" r:id="rId16"/>
  </p:sldLayoutIdLst>
  <p:hf hd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4400" b="1" kern="1200">
          <a:solidFill>
            <a:schemeClr val="accent1"/>
          </a:solidFill>
          <a:latin typeface="+mj-lt"/>
          <a:ea typeface="Source Sans Pro" panose="020B0503030403020204" pitchFamily="34" charset="0"/>
          <a:cs typeface="+mj-cs"/>
        </a:defRPr>
      </a:lvl1pPr>
    </p:titleStyle>
    <p:bodyStyle>
      <a:lvl1pPr marL="17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1pPr>
      <a:lvl2pPr marL="35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2pPr>
      <a:lvl3pPr marL="5328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Symbol" panose="05050102010706020507" pitchFamily="18" charset="2"/>
        <a:buChar char="-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Symbol" panose="05050102010706020507" pitchFamily="18" charset="2"/>
        <a:buNone/>
        <a:defRPr sz="1600" b="0" kern="1200">
          <a:solidFill>
            <a:schemeClr val="accent1"/>
          </a:solidFill>
          <a:latin typeface="+mn-lt"/>
          <a:ea typeface="Source Sans Pro" panose="020B0503030403020204" pitchFamily="34" charset="0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None/>
        <a:defRPr sz="2000" b="1" i="0" kern="1200">
          <a:solidFill>
            <a:schemeClr val="accent1"/>
          </a:solidFill>
          <a:latin typeface="+mj-lt"/>
          <a:ea typeface="Source Sans Pro" panose="020B0503030403020204" pitchFamily="34" charset="0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None/>
        <a:defRPr sz="2000" b="0" kern="1200">
          <a:solidFill>
            <a:schemeClr val="tx1"/>
          </a:solidFill>
          <a:latin typeface="+mj-lt"/>
          <a:ea typeface="+mn-ea"/>
          <a:cs typeface="+mn-cs"/>
        </a:defRPr>
      </a:lvl6pPr>
      <a:lvl7pPr marL="3420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tx1"/>
        </a:buClr>
        <a:buFont typeface="+mj-lt"/>
        <a:buAutoNum type="arabicPeriod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+mj-lt"/>
        <a:buAutoNum type="alphaLcPeriod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540000" indent="-1800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02">
          <p15:clr>
            <a:srgbClr val="F26B43"/>
          </p15:clr>
        </p15:guide>
        <p15:guide id="8" pos="9775">
          <p15:clr>
            <a:srgbClr val="F26B43"/>
          </p15:clr>
        </p15:guide>
        <p15:guide id="11" orient="horz" pos="867">
          <p15:clr>
            <a:srgbClr val="F26B43"/>
          </p15:clr>
        </p15:guide>
        <p15:guide id="12" pos="581">
          <p15:clr>
            <a:srgbClr val="F26B43"/>
          </p15:clr>
        </p15:guide>
        <p15:guide id="13" pos="7401">
          <p15:clr>
            <a:srgbClr val="F26B43"/>
          </p15:clr>
        </p15:guide>
        <p15:guide id="14" orient="horz" pos="3847">
          <p15:clr>
            <a:srgbClr val="F26B43"/>
          </p15:clr>
        </p15:guide>
        <p15:guide id="15" orient="horz" pos="482">
          <p15:clr>
            <a:srgbClr val="F26B43"/>
          </p15:clr>
        </p15:guide>
        <p15:guide id="16" pos="3736">
          <p15:clr>
            <a:srgbClr val="F26B43"/>
          </p15:clr>
        </p15:guide>
        <p15:guide id="17" pos="3961">
          <p15:clr>
            <a:srgbClr val="F26B43"/>
          </p15:clr>
        </p15:guide>
        <p15:guide id="18" orient="horz" pos="2069">
          <p15:clr>
            <a:srgbClr val="F26B43"/>
          </p15:clr>
        </p15:guide>
        <p15:guide id="19" orient="horz" pos="2201">
          <p15:clr>
            <a:srgbClr val="F26B43"/>
          </p15:clr>
        </p15:guide>
        <p15:guide id="20" pos="2655">
          <p15:clr>
            <a:srgbClr val="F26B43"/>
          </p15:clr>
        </p15:guide>
        <p15:guide id="21" pos="2781">
          <p15:clr>
            <a:srgbClr val="F26B43"/>
          </p15:clr>
        </p15:guide>
        <p15:guide id="22" pos="4871">
          <p15:clr>
            <a:srgbClr val="F26B43"/>
          </p15:clr>
        </p15:guide>
        <p15:guide id="23" pos="5021">
          <p15:clr>
            <a:srgbClr val="F26B43"/>
          </p15:clr>
        </p15:guide>
        <p15:guide id="24" orient="horz" pos="1196" userDrawn="1">
          <p15:clr>
            <a:srgbClr val="F26B43"/>
          </p15:clr>
        </p15:guide>
        <p15:guide id="25" pos="307" userDrawn="1">
          <p15:clr>
            <a:srgbClr val="F26B43"/>
          </p15:clr>
        </p15:guide>
        <p15:guide id="26" pos="7331" userDrawn="1">
          <p15:clr>
            <a:srgbClr val="F26B43"/>
          </p15:clr>
        </p15:guide>
        <p15:guide id="27" orient="horz" pos="4113" userDrawn="1">
          <p15:clr>
            <a:srgbClr val="F26B43"/>
          </p15:clr>
        </p15:guide>
        <p15:guide id="28" orient="horz" pos="7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9.xml"/><Relationship Id="rId6" Type="http://schemas.openxmlformats.org/officeDocument/2006/relationships/image" Target="../media/image5.jpe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jpe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1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9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jpe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26.jp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jpe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e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32.jp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hyperlink" Target="mailto:AdmissionsMA-fgw@uva.nl" TargetMode="External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33.jpeg"/><Relationship Id="rId4" Type="http://schemas.openxmlformats.org/officeDocument/2006/relationships/hyperlink" Target="mailto:r.vandermaar@uva.nl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jp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jpg"/><Relationship Id="rId3" Type="http://schemas.openxmlformats.org/officeDocument/2006/relationships/image" Target="../media/image10.png"/><Relationship Id="rId7" Type="http://schemas.openxmlformats.org/officeDocument/2006/relationships/image" Target="../media/image14.jp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3.png"/><Relationship Id="rId11" Type="http://schemas.openxmlformats.org/officeDocument/2006/relationships/image" Target="../media/image18.jpg"/><Relationship Id="rId5" Type="http://schemas.openxmlformats.org/officeDocument/2006/relationships/image" Target="../media/image12.jpg"/><Relationship Id="rId10" Type="http://schemas.openxmlformats.org/officeDocument/2006/relationships/image" Target="../media/image17.png"/><Relationship Id="rId4" Type="http://schemas.openxmlformats.org/officeDocument/2006/relationships/image" Target="../media/image11.jpeg"/><Relationship Id="rId9" Type="http://schemas.openxmlformats.org/officeDocument/2006/relationships/image" Target="../media/image16.jp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jpe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2" descr="Image result for wit">
            <a:extLst>
              <a:ext uri="{FF2B5EF4-FFF2-40B4-BE49-F238E27FC236}">
                <a16:creationId xmlns:a16="http://schemas.microsoft.com/office/drawing/2014/main" id="{8A69E2E2-2931-722E-4CB1-F611151410C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000" t="4701" r="8000" b="4820"/>
          <a:stretch/>
        </p:blipFill>
        <p:spPr bwMode="auto">
          <a:xfrm>
            <a:off x="482394" y="5078000"/>
            <a:ext cx="1512168" cy="1628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92195C5-97AC-5C45-EBFD-534D2003BF8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4800" y="1911600"/>
            <a:ext cx="5293168" cy="365272"/>
          </a:xfrm>
        </p:spPr>
        <p:txBody>
          <a:bodyPr/>
          <a:lstStyle/>
          <a:p>
            <a:pPr lvl="4"/>
            <a:r>
              <a:rPr lang="en-GB" dirty="0" err="1"/>
              <a:t>november</a:t>
            </a:r>
            <a:r>
              <a:rPr lang="en-GB" dirty="0"/>
              <a:t> 2024</a:t>
            </a:r>
            <a:endParaRPr lang="nl-NL" dirty="0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17180337-EB70-5D97-529B-D5BE2C3A22A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366246F6-6082-9FF8-2535-D0B362D3927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0</a:t>
            </a:fld>
            <a:endParaRPr lang="nl-NL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BF9009C2-7476-EC37-2AAC-ABBAADB24E4B}"/>
              </a:ext>
            </a:extLst>
          </p:cNvPr>
          <p:cNvPicPr>
            <a:picLocks noGrp="1" noChangeAspect="1" noChangeArrowheads="1"/>
          </p:cNvPicPr>
          <p:nvPr>
            <p:ph type="pic" sz="quarter" idx="13"/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3058" r="33058"/>
          <a:stretch>
            <a:fillRect/>
          </a:stretch>
        </p:blipFill>
        <p:spPr bwMode="auto">
          <a:xfrm>
            <a:off x="6096000" y="0"/>
            <a:ext cx="6097587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1B72E8E-00FE-AD59-B533-4F5319D166E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4800" y="2467896"/>
            <a:ext cx="5047200" cy="1825200"/>
          </a:xfrm>
        </p:spPr>
        <p:txBody>
          <a:bodyPr>
            <a:normAutofit/>
          </a:bodyPr>
          <a:lstStyle/>
          <a:p>
            <a:r>
              <a:rPr lang="en-GB" sz="3200" dirty="0" err="1"/>
              <a:t>Geschiedenis</a:t>
            </a:r>
            <a:r>
              <a:rPr lang="en-GB" sz="3200" dirty="0"/>
              <a:t> van de </a:t>
            </a:r>
            <a:r>
              <a:rPr lang="en-GB" sz="3200" dirty="0" err="1"/>
              <a:t>internationale</a:t>
            </a:r>
            <a:r>
              <a:rPr lang="en-GB" sz="3200" dirty="0"/>
              <a:t> </a:t>
            </a:r>
            <a:r>
              <a:rPr lang="en-GB" sz="3200" dirty="0" err="1"/>
              <a:t>betrekkingen</a:t>
            </a:r>
            <a:endParaRPr lang="nl-NL" sz="3200" i="1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A6D3820-4D0E-1644-5D7E-2E10A6808AEE}"/>
              </a:ext>
            </a:extLst>
          </p:cNvPr>
          <p:cNvSpPr txBox="1"/>
          <p:nvPr/>
        </p:nvSpPr>
        <p:spPr>
          <a:xfrm>
            <a:off x="335360" y="5049772"/>
            <a:ext cx="4392488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dirty="0" err="1"/>
              <a:t>Dr.</a:t>
            </a:r>
            <a:r>
              <a:rPr lang="en-GB" dirty="0"/>
              <a:t> Rimko van der Maar (coordinator) </a:t>
            </a:r>
          </a:p>
          <a:p>
            <a:endParaRPr lang="en-GB" dirty="0"/>
          </a:p>
          <a:p>
            <a:r>
              <a:rPr lang="en-GB" dirty="0" err="1"/>
              <a:t>Tirza</a:t>
            </a:r>
            <a:r>
              <a:rPr lang="en-GB" dirty="0"/>
              <a:t> Smits (student)</a:t>
            </a:r>
            <a:endParaRPr lang="nl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7244124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B63BD1B-A6D7-8FDE-3E0D-FCD3748A978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7FB48B-90E0-842C-53DC-DE698CAD4A0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9</a:t>
            </a:fld>
            <a:endParaRPr lang="nl-NL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F658805-5D54-2F64-B2BE-7BEE890E7F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Geschiedenis</a:t>
            </a:r>
            <a:r>
              <a:rPr lang="en-GB" dirty="0"/>
              <a:t> </a:t>
            </a:r>
            <a:r>
              <a:rPr lang="en-GB" dirty="0" err="1"/>
              <a:t>en</a:t>
            </a:r>
            <a:r>
              <a:rPr lang="en-GB" dirty="0"/>
              <a:t> </a:t>
            </a:r>
            <a:r>
              <a:rPr lang="en-GB" dirty="0" err="1"/>
              <a:t>praktijk</a:t>
            </a:r>
            <a:r>
              <a:rPr lang="en-GB" dirty="0"/>
              <a:t> (semester I)</a:t>
            </a:r>
            <a:endParaRPr lang="nl-NL" dirty="0"/>
          </a:p>
        </p:txBody>
      </p:sp>
      <p:sp>
        <p:nvSpPr>
          <p:cNvPr id="8" name="Picture Placeholder 1">
            <a:extLst>
              <a:ext uri="{FF2B5EF4-FFF2-40B4-BE49-F238E27FC236}">
                <a16:creationId xmlns:a16="http://schemas.microsoft.com/office/drawing/2014/main" id="{F6E512A7-9B6D-6B18-AD51-FFD71873E19D}"/>
              </a:ext>
            </a:extLst>
          </p:cNvPr>
          <p:cNvSpPr txBox="1">
            <a:spLocks/>
          </p:cNvSpPr>
          <p:nvPr/>
        </p:nvSpPr>
        <p:spPr>
          <a:xfrm>
            <a:off x="517200" y="1760400"/>
            <a:ext cx="5400000" cy="4579200"/>
          </a:xfrm>
          <a:prstGeom prst="rect">
            <a:avLst/>
          </a:prstGeom>
        </p:spPr>
        <p:txBody>
          <a:bodyPr/>
          <a:lstStyle/>
          <a:p>
            <a:endParaRPr lang="nl-NL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DB3A709E-ABBF-96A6-98AE-92C61BBA5F6D}"/>
              </a:ext>
            </a:extLst>
          </p:cNvPr>
          <p:cNvSpPr txBox="1"/>
          <p:nvPr/>
        </p:nvSpPr>
        <p:spPr>
          <a:xfrm>
            <a:off x="7608168" y="6420259"/>
            <a:ext cx="5400000" cy="61555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700" b="1" dirty="0" err="1"/>
              <a:t>Bijeenkomst</a:t>
            </a:r>
            <a:r>
              <a:rPr lang="en-US" sz="1700" b="1" dirty="0"/>
              <a:t> met Amnesty International</a:t>
            </a:r>
          </a:p>
          <a:p>
            <a:endParaRPr lang="nl-NL" sz="1700" dirty="0"/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FF14DAF3-03A5-3F03-2E28-DFE7F4C97579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27648" y="1665658"/>
            <a:ext cx="8467894" cy="4768684"/>
          </a:xfrm>
          <a:prstGeom prst="rect">
            <a:avLst/>
          </a:prstGeom>
        </p:spPr>
      </p:pic>
      <p:pic>
        <p:nvPicPr>
          <p:cNvPr id="7" name="Picture 2">
            <a:extLst>
              <a:ext uri="{FF2B5EF4-FFF2-40B4-BE49-F238E27FC236}">
                <a16:creationId xmlns:a16="http://schemas.microsoft.com/office/drawing/2014/main" id="{FC52A07C-6317-EBC0-ED54-ACBDB517F63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8235" y="1988840"/>
            <a:ext cx="1868479" cy="180882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pic>
    </p:spTree>
    <p:extLst>
      <p:ext uri="{BB962C8B-B14F-4D97-AF65-F5344CB8AC3E}">
        <p14:creationId xmlns:p14="http://schemas.microsoft.com/office/powerpoint/2010/main" val="27933779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6" presetClass="entr" presetSubtype="21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7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0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FF653E-573B-5DAB-342C-194BD2C155E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7C67674-7FB9-85FC-5794-0ED46558F21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10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41D0BA1-EA18-DD91-F9F0-C331E32B98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61322" y="688999"/>
            <a:ext cx="4454558" cy="723777"/>
          </a:xfrm>
        </p:spPr>
        <p:txBody>
          <a:bodyPr/>
          <a:lstStyle/>
          <a:p>
            <a:r>
              <a:rPr lang="en-GB" sz="4000" dirty="0" err="1"/>
              <a:t>Studieprogramma</a:t>
            </a:r>
            <a:endParaRPr lang="nl-NL" sz="4000" dirty="0"/>
          </a:p>
        </p:txBody>
      </p:sp>
      <p:pic>
        <p:nvPicPr>
          <p:cNvPr id="12" name="Afbeelding 11">
            <a:extLst>
              <a:ext uri="{FF2B5EF4-FFF2-40B4-BE49-F238E27FC236}">
                <a16:creationId xmlns:a16="http://schemas.microsoft.com/office/drawing/2014/main" id="{C5AE696A-6789-71DD-8F16-33917AA2CE2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2070" y="1990524"/>
            <a:ext cx="11707859" cy="28769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1271980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Afbeelding 4">
            <a:extLst>
              <a:ext uri="{FF2B5EF4-FFF2-40B4-BE49-F238E27FC236}">
                <a16:creationId xmlns:a16="http://schemas.microsoft.com/office/drawing/2014/main" id="{7A0DC939-C6CC-C567-E09B-E3B0CD3630CA}"/>
              </a:ext>
            </a:extLst>
          </p:cNvPr>
          <p:cNvPicPr>
            <a:picLocks noGrp="1" noChangeAspect="1"/>
          </p:cNvPicPr>
          <p:nvPr>
            <p:ph type="pic" idx="1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405" t="1943" r="2732" b="8775"/>
          <a:stretch/>
        </p:blipFill>
        <p:spPr>
          <a:xfrm>
            <a:off x="4900963" y="1484784"/>
            <a:ext cx="6912768" cy="6762628"/>
          </a:xfrm>
          <a:prstGeom prst="rect">
            <a:avLst/>
          </a:prstGeom>
          <a:noFill/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19BCCFA-5215-0474-EC99-0DE68EF08B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4744" y="2817969"/>
            <a:ext cx="5047200" cy="1547135"/>
          </a:xfrm>
        </p:spPr>
        <p:txBody>
          <a:bodyPr anchor="t">
            <a:normAutofit/>
          </a:bodyPr>
          <a:lstStyle/>
          <a:p>
            <a:r>
              <a:rPr lang="en-GB" dirty="0" err="1"/>
              <a:t>Keuzevakken</a:t>
            </a:r>
            <a:br>
              <a:rPr lang="en-GB" dirty="0"/>
            </a:br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81AFF1F-07B4-A8D9-D06B-BC7F85D024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C001BC01-09AE-4334-B3B9-34CD6B0AB683}" type="slidenum">
              <a:rPr lang="nl-NL" smtClean="0"/>
              <a:pPr>
                <a:spcAft>
                  <a:spcPts val="600"/>
                </a:spcAft>
              </a:pPr>
              <a:t>11</a:t>
            </a:fld>
            <a:endParaRPr lang="nl-NL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7E7BB919-867C-C8D6-1BE9-EF1E795C6739}"/>
              </a:ext>
            </a:extLst>
          </p:cNvPr>
          <p:cNvSpPr txBox="1"/>
          <p:nvPr/>
        </p:nvSpPr>
        <p:spPr>
          <a:xfrm>
            <a:off x="407368" y="3591536"/>
            <a:ext cx="3958135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200" i="1" dirty="0"/>
              <a:t>Mag </a:t>
            </a:r>
            <a:r>
              <a:rPr lang="en-US" sz="2200" i="1" dirty="0" err="1"/>
              <a:t>ook</a:t>
            </a:r>
            <a:r>
              <a:rPr lang="en-US" sz="2200" i="1" dirty="0"/>
              <a:t> </a:t>
            </a:r>
            <a:r>
              <a:rPr lang="en-US" sz="2200" i="1" dirty="0" err="1"/>
              <a:t>buiten</a:t>
            </a:r>
            <a:r>
              <a:rPr lang="en-US" sz="2200" i="1" dirty="0"/>
              <a:t> </a:t>
            </a:r>
            <a:r>
              <a:rPr lang="en-US" sz="2200" i="1" dirty="0" err="1"/>
              <a:t>Geschiedenis</a:t>
            </a:r>
            <a:r>
              <a:rPr lang="en-US" sz="2200" i="1" dirty="0"/>
              <a:t> </a:t>
            </a:r>
          </a:p>
          <a:p>
            <a:r>
              <a:rPr lang="en-US" sz="2200" i="1" dirty="0"/>
              <a:t>(</a:t>
            </a:r>
            <a:r>
              <a:rPr lang="en-US" sz="2200" i="1" dirty="0" err="1"/>
              <a:t>zie</a:t>
            </a:r>
            <a:r>
              <a:rPr lang="en-US" sz="2200" i="1" dirty="0"/>
              <a:t> </a:t>
            </a:r>
            <a:r>
              <a:rPr lang="en-US" sz="2200" i="1" dirty="0" err="1"/>
              <a:t>studiegids</a:t>
            </a:r>
            <a:r>
              <a:rPr lang="en-US" sz="2200" i="1" dirty="0"/>
              <a:t> via </a:t>
            </a:r>
            <a:r>
              <a:rPr lang="en-US" sz="2200" i="1" dirty="0" err="1"/>
              <a:t>onze</a:t>
            </a:r>
            <a:r>
              <a:rPr lang="en-US" sz="2200" i="1" dirty="0"/>
              <a:t> website)</a:t>
            </a:r>
            <a:endParaRPr lang="nl-NL" sz="2200" i="1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6538E4D-6187-9E79-7007-088A1FF31BD2}"/>
              </a:ext>
            </a:extLst>
          </p:cNvPr>
          <p:cNvSpPr txBox="1"/>
          <p:nvPr/>
        </p:nvSpPr>
        <p:spPr>
          <a:xfrm>
            <a:off x="4285418" y="4180438"/>
            <a:ext cx="522778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nl-NL" b="1" dirty="0">
              <a:solidFill>
                <a:srgbClr val="FF0000"/>
              </a:solidFill>
            </a:endParaRPr>
          </a:p>
        </p:txBody>
      </p:sp>
      <p:pic>
        <p:nvPicPr>
          <p:cNvPr id="12" name="Afbeelding 11">
            <a:extLst>
              <a:ext uri="{FF2B5EF4-FFF2-40B4-BE49-F238E27FC236}">
                <a16:creationId xmlns:a16="http://schemas.microsoft.com/office/drawing/2014/main" id="{77150837-6E57-124A-B241-E38935C3295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50032" y="162536"/>
            <a:ext cx="7810739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5145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B63BD1B-A6D7-8FDE-3E0D-FCD3748A978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7FB48B-90E0-842C-53DC-DE698CAD4A0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12</a:t>
            </a:fld>
            <a:endParaRPr lang="nl-NL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F658805-5D54-2F64-B2BE-7BEE890E7F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tages (</a:t>
            </a:r>
            <a:r>
              <a:rPr lang="en-GB" dirty="0" err="1"/>
              <a:t>optie</a:t>
            </a:r>
            <a:r>
              <a:rPr lang="en-GB"/>
              <a:t> in semester </a:t>
            </a:r>
            <a:r>
              <a:rPr lang="en-GB" dirty="0"/>
              <a:t>II)</a:t>
            </a:r>
            <a:endParaRPr lang="nl-NL" dirty="0"/>
          </a:p>
        </p:txBody>
      </p:sp>
      <p:sp>
        <p:nvSpPr>
          <p:cNvPr id="8" name="Picture Placeholder 1">
            <a:extLst>
              <a:ext uri="{FF2B5EF4-FFF2-40B4-BE49-F238E27FC236}">
                <a16:creationId xmlns:a16="http://schemas.microsoft.com/office/drawing/2014/main" id="{F6E512A7-9B6D-6B18-AD51-FFD71873E19D}"/>
              </a:ext>
            </a:extLst>
          </p:cNvPr>
          <p:cNvSpPr txBox="1">
            <a:spLocks/>
          </p:cNvSpPr>
          <p:nvPr/>
        </p:nvSpPr>
        <p:spPr>
          <a:xfrm>
            <a:off x="517200" y="1760400"/>
            <a:ext cx="5400000" cy="4579200"/>
          </a:xfrm>
          <a:prstGeom prst="rect">
            <a:avLst/>
          </a:prstGeom>
        </p:spPr>
        <p:txBody>
          <a:bodyPr/>
          <a:lstStyle/>
          <a:p>
            <a:endParaRPr lang="nl-NL"/>
          </a:p>
        </p:txBody>
      </p:sp>
      <p:pic>
        <p:nvPicPr>
          <p:cNvPr id="10" name="Afbeelding 4">
            <a:extLst>
              <a:ext uri="{FF2B5EF4-FFF2-40B4-BE49-F238E27FC236}">
                <a16:creationId xmlns:a16="http://schemas.microsoft.com/office/drawing/2014/main" id="{8AE93C2D-18F9-CD5D-EB11-9153C72581C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743" r="5743"/>
          <a:stretch>
            <a:fillRect/>
          </a:stretch>
        </p:blipFill>
        <p:spPr>
          <a:xfrm>
            <a:off x="5447928" y="1496072"/>
            <a:ext cx="5723613" cy="4852116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C1BDDAE4-2138-1BAC-2BF1-BA51F4AFE82C}"/>
              </a:ext>
            </a:extLst>
          </p:cNvPr>
          <p:cNvSpPr txBox="1"/>
          <p:nvPr/>
        </p:nvSpPr>
        <p:spPr>
          <a:xfrm>
            <a:off x="6234540" y="6408111"/>
            <a:ext cx="5400000" cy="61555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700" b="1" dirty="0" err="1"/>
              <a:t>Stagebijeenkomst</a:t>
            </a:r>
            <a:r>
              <a:rPr lang="en-US" sz="1700" b="1" dirty="0"/>
              <a:t> met oud-</a:t>
            </a:r>
            <a:r>
              <a:rPr lang="en-US" sz="1700" b="1" dirty="0" err="1"/>
              <a:t>studenten</a:t>
            </a:r>
            <a:r>
              <a:rPr lang="en-US" sz="1700" b="1" dirty="0"/>
              <a:t> die stage </a:t>
            </a:r>
            <a:r>
              <a:rPr lang="en-US" sz="1700" b="1" dirty="0" err="1"/>
              <a:t>liepen</a:t>
            </a:r>
            <a:endParaRPr lang="en-US" sz="1700" b="1" dirty="0"/>
          </a:p>
          <a:p>
            <a:endParaRPr lang="nl-NL" sz="1700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DB3A709E-ABBF-96A6-98AE-92C61BBA5F6D}"/>
              </a:ext>
            </a:extLst>
          </p:cNvPr>
          <p:cNvSpPr txBox="1"/>
          <p:nvPr/>
        </p:nvSpPr>
        <p:spPr>
          <a:xfrm>
            <a:off x="6888088" y="6361945"/>
            <a:ext cx="5400000" cy="35394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nl-NL" sz="1700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9DB57C1-2883-3BC2-1331-F4C6AF19115E}"/>
              </a:ext>
            </a:extLst>
          </p:cNvPr>
          <p:cNvSpPr txBox="1"/>
          <p:nvPr/>
        </p:nvSpPr>
        <p:spPr>
          <a:xfrm>
            <a:off x="489314" y="2204864"/>
            <a:ext cx="5102630" cy="41549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i="1" dirty="0"/>
              <a:t>In </a:t>
            </a:r>
            <a:r>
              <a:rPr lang="en-US" sz="2400" i="1" dirty="0" err="1"/>
              <a:t>plaats</a:t>
            </a:r>
            <a:r>
              <a:rPr lang="en-US" sz="2400" i="1" dirty="0"/>
              <a:t> van of </a:t>
            </a:r>
            <a:r>
              <a:rPr lang="en-US" sz="2400" i="1" dirty="0" err="1"/>
              <a:t>naast</a:t>
            </a:r>
            <a:r>
              <a:rPr lang="en-US" sz="2400" i="1" dirty="0"/>
              <a:t> </a:t>
            </a:r>
            <a:r>
              <a:rPr lang="en-US" sz="2400" i="1" dirty="0" err="1"/>
              <a:t>keuzevakken</a:t>
            </a:r>
            <a:endParaRPr lang="en-US" sz="2400" i="1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i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Dus </a:t>
            </a:r>
            <a:r>
              <a:rPr lang="en-US" sz="2400" dirty="0" err="1"/>
              <a:t>niet</a:t>
            </a:r>
            <a:r>
              <a:rPr lang="en-US" sz="2400" dirty="0"/>
              <a:t> </a:t>
            </a:r>
            <a:r>
              <a:rPr lang="en-US" sz="2400" dirty="0" err="1"/>
              <a:t>verplicht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6 of 12 </a:t>
            </a:r>
            <a:r>
              <a:rPr lang="en-US" sz="2400" dirty="0" err="1"/>
              <a:t>punten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i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Inhoudelijk</a:t>
            </a:r>
            <a:r>
              <a:rPr lang="en-US" sz="2400" dirty="0"/>
              <a:t> </a:t>
            </a:r>
            <a:r>
              <a:rPr lang="en-US" sz="2400" dirty="0" err="1"/>
              <a:t>veel</a:t>
            </a:r>
            <a:r>
              <a:rPr lang="en-US" sz="2400" dirty="0"/>
              <a:t> </a:t>
            </a:r>
            <a:r>
              <a:rPr lang="en-US" sz="2400" dirty="0" err="1"/>
              <a:t>mogelijkheden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Aanmoediging</a:t>
            </a:r>
            <a:r>
              <a:rPr lang="en-US" sz="2400" dirty="0"/>
              <a:t> </a:t>
            </a:r>
            <a:r>
              <a:rPr lang="en-US" sz="2400" dirty="0" err="1"/>
              <a:t>en</a:t>
            </a:r>
            <a:r>
              <a:rPr lang="en-US" sz="2400" dirty="0"/>
              <a:t> </a:t>
            </a:r>
            <a:r>
              <a:rPr lang="en-US" sz="2400" dirty="0" err="1"/>
              <a:t>begeleiding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Master </a:t>
            </a:r>
            <a:r>
              <a:rPr lang="en-US" sz="2400" dirty="0" err="1"/>
              <a:t>duurt</a:t>
            </a:r>
            <a:r>
              <a:rPr lang="en-US" sz="2400" dirty="0"/>
              <a:t> </a:t>
            </a:r>
            <a:r>
              <a:rPr lang="en-US" sz="2400" dirty="0" err="1"/>
              <a:t>hierdoor</a:t>
            </a:r>
            <a:r>
              <a:rPr lang="en-US" sz="2400" dirty="0"/>
              <a:t> </a:t>
            </a:r>
            <a:r>
              <a:rPr lang="en-US" sz="2400" dirty="0" err="1"/>
              <a:t>langer</a:t>
            </a:r>
            <a:endParaRPr lang="nl-NL" sz="2400" dirty="0"/>
          </a:p>
        </p:txBody>
      </p:sp>
    </p:spTree>
    <p:extLst>
      <p:ext uri="{BB962C8B-B14F-4D97-AF65-F5344CB8AC3E}">
        <p14:creationId xmlns:p14="http://schemas.microsoft.com/office/powerpoint/2010/main" val="354821536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7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6049CBE-198D-453F-F98D-5F5D611A889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3FB6509-A26E-CD39-3A6B-0012E5BD8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13</a:t>
            </a:fld>
            <a:endParaRPr lang="nl-NL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3D092005-4EAC-7644-4B44-C8A47BADA5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695" y="1076959"/>
            <a:ext cx="11185200" cy="885600"/>
          </a:xfrm>
        </p:spPr>
        <p:txBody>
          <a:bodyPr/>
          <a:lstStyle/>
          <a:p>
            <a:r>
              <a:rPr lang="en-US" sz="3600" dirty="0" err="1"/>
              <a:t>Carrièreperspectieven</a:t>
            </a:r>
            <a:r>
              <a:rPr lang="en-US" sz="3600" dirty="0"/>
              <a:t> </a:t>
            </a:r>
            <a:endParaRPr lang="nl-NL" sz="3600" dirty="0"/>
          </a:p>
        </p:txBody>
      </p:sp>
      <p:pic>
        <p:nvPicPr>
          <p:cNvPr id="7" name="Tijdelijke aanduiding voor inhoud 3">
            <a:extLst>
              <a:ext uri="{FF2B5EF4-FFF2-40B4-BE49-F238E27FC236}">
                <a16:creationId xmlns:a16="http://schemas.microsoft.com/office/drawing/2014/main" id="{F9999FBF-CFAB-03BA-C743-68DD2F06270E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210" r="18210"/>
          <a:stretch>
            <a:fillRect/>
          </a:stretch>
        </p:blipFill>
        <p:spPr>
          <a:xfrm rot="5400000">
            <a:off x="7950269" y="3395157"/>
            <a:ext cx="3007533" cy="3547720"/>
          </a:xfrm>
          <a:prstGeom prst="rect">
            <a:avLst/>
          </a:prstGeom>
        </p:spPr>
      </p:pic>
      <p:pic>
        <p:nvPicPr>
          <p:cNvPr id="8" name="Tijdelijke aanduiding voor inhoud 7">
            <a:extLst>
              <a:ext uri="{FF2B5EF4-FFF2-40B4-BE49-F238E27FC236}">
                <a16:creationId xmlns:a16="http://schemas.microsoft.com/office/drawing/2014/main" id="{847163F0-659A-95DA-1DDC-3F28B958C4EB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9" r="29" b="36403"/>
          <a:stretch/>
        </p:blipFill>
        <p:spPr>
          <a:xfrm>
            <a:off x="7680175" y="247199"/>
            <a:ext cx="3810180" cy="3230978"/>
          </a:xfr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10BB59B2-A1AB-4F9B-A805-50FB7D97117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45076" y="2492896"/>
            <a:ext cx="5976664" cy="1563987"/>
          </a:xfrm>
          <a:prstGeom prst="rect">
            <a:avLst/>
          </a:prstGeom>
          <a:ln>
            <a:solidFill>
              <a:srgbClr val="1A1A20"/>
            </a:solidFill>
          </a:ln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1A5CE7BB-D317-4496-AE43-505D851A4A5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45076" y="4828132"/>
            <a:ext cx="6340115" cy="1069479"/>
          </a:xfrm>
          <a:prstGeom prst="rect">
            <a:avLst/>
          </a:prstGeom>
          <a:ln>
            <a:solidFill>
              <a:schemeClr val="tx2"/>
            </a:solidFill>
          </a:ln>
        </p:spPr>
      </p:pic>
    </p:spTree>
    <p:extLst>
      <p:ext uri="{BB962C8B-B14F-4D97-AF65-F5344CB8AC3E}">
        <p14:creationId xmlns:p14="http://schemas.microsoft.com/office/powerpoint/2010/main" val="7990100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53" presetClass="entr" presetSubtype="16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9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53" presetClass="entr" presetSubtype="16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8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271532-635C-9711-6F90-EF57399279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350" y="865285"/>
            <a:ext cx="7675200" cy="871200"/>
          </a:xfrm>
        </p:spPr>
        <p:txBody>
          <a:bodyPr anchor="b">
            <a:normAutofit/>
          </a:bodyPr>
          <a:lstStyle/>
          <a:p>
            <a:r>
              <a:rPr lang="en-GB" dirty="0" err="1"/>
              <a:t>Specialismes</a:t>
            </a:r>
            <a:r>
              <a:rPr lang="en-GB" dirty="0"/>
              <a:t> </a:t>
            </a:r>
            <a:r>
              <a:rPr lang="en-GB" dirty="0" err="1"/>
              <a:t>docententeam</a:t>
            </a:r>
            <a:r>
              <a:rPr lang="en-GB" dirty="0"/>
              <a:t>	</a:t>
            </a:r>
            <a:endParaRPr lang="nl-NL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D9FD44B-B09E-801B-4410-0EF383529D8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4350" y="2248298"/>
            <a:ext cx="8408690" cy="3917005"/>
          </a:xfrm>
        </p:spPr>
        <p:txBody>
          <a:bodyPr>
            <a:normAutofit/>
          </a:bodyPr>
          <a:lstStyle/>
          <a:p>
            <a:pPr lvl="3"/>
            <a:r>
              <a:rPr lang="en-US" sz="2200" i="1" dirty="0" err="1">
                <a:solidFill>
                  <a:schemeClr val="tx1"/>
                </a:solidFill>
              </a:rPr>
              <a:t>Zie</a:t>
            </a:r>
            <a:r>
              <a:rPr lang="en-US" sz="2200" i="1" dirty="0">
                <a:solidFill>
                  <a:schemeClr val="tx1"/>
                </a:solidFill>
              </a:rPr>
              <a:t> website MA GIB</a:t>
            </a:r>
            <a:endParaRPr lang="en-US" sz="2200" dirty="0">
              <a:solidFill>
                <a:schemeClr val="tx1"/>
              </a:solidFill>
            </a:endParaRPr>
          </a:p>
          <a:p>
            <a:pPr lvl="3"/>
            <a:endParaRPr lang="en-US" sz="2200" dirty="0">
              <a:solidFill>
                <a:schemeClr val="tx1"/>
              </a:solidFill>
            </a:endParaRPr>
          </a:p>
          <a:p>
            <a:pPr marL="342900" indent="-342900"/>
            <a:r>
              <a:rPr lang="en-US" sz="2400" dirty="0" err="1"/>
              <a:t>Koude</a:t>
            </a:r>
            <a:r>
              <a:rPr lang="en-US" sz="2400" dirty="0"/>
              <a:t> </a:t>
            </a:r>
            <a:r>
              <a:rPr lang="en-US" sz="2400" dirty="0" err="1"/>
              <a:t>Oorlog</a:t>
            </a:r>
            <a:r>
              <a:rPr lang="en-US" sz="2400" dirty="0"/>
              <a:t>, </a:t>
            </a:r>
            <a:r>
              <a:rPr lang="en-US" sz="2400" dirty="0" err="1"/>
              <a:t>Franse</a:t>
            </a:r>
            <a:r>
              <a:rPr lang="en-US" sz="2400" dirty="0"/>
              <a:t> </a:t>
            </a:r>
            <a:r>
              <a:rPr lang="en-US" sz="2400" dirty="0" err="1"/>
              <a:t>en</a:t>
            </a:r>
            <a:r>
              <a:rPr lang="en-US" sz="2400" dirty="0"/>
              <a:t> </a:t>
            </a:r>
            <a:r>
              <a:rPr lang="en-US" sz="2400" dirty="0" err="1"/>
              <a:t>Duitse</a:t>
            </a:r>
            <a:r>
              <a:rPr lang="en-US" sz="2400" dirty="0"/>
              <a:t> </a:t>
            </a:r>
            <a:r>
              <a:rPr lang="en-US" sz="2400" dirty="0" err="1"/>
              <a:t>geschiedenis</a:t>
            </a:r>
            <a:r>
              <a:rPr lang="en-US" sz="2400" dirty="0"/>
              <a:t>, </a:t>
            </a:r>
            <a:r>
              <a:rPr lang="en-US" sz="2400" dirty="0" err="1"/>
              <a:t>Atlantische</a:t>
            </a:r>
            <a:r>
              <a:rPr lang="en-US" sz="2400" dirty="0"/>
              <a:t> </a:t>
            </a:r>
            <a:r>
              <a:rPr lang="en-US" sz="2400" dirty="0" err="1"/>
              <a:t>betrekkingen</a:t>
            </a:r>
            <a:r>
              <a:rPr lang="en-US" sz="2400" dirty="0"/>
              <a:t>, Midden-</a:t>
            </a:r>
            <a:r>
              <a:rPr lang="en-US" sz="2400" dirty="0" err="1"/>
              <a:t>Oosten</a:t>
            </a:r>
            <a:r>
              <a:rPr lang="en-US" sz="2400" dirty="0"/>
              <a:t>, </a:t>
            </a:r>
            <a:r>
              <a:rPr lang="en-US" sz="2400" dirty="0" err="1"/>
              <a:t>Turkije</a:t>
            </a:r>
            <a:r>
              <a:rPr lang="en-US" sz="2400" dirty="0"/>
              <a:t>, </a:t>
            </a:r>
            <a:r>
              <a:rPr lang="en-US" sz="2400" dirty="0" err="1"/>
              <a:t>Indonesië</a:t>
            </a:r>
            <a:r>
              <a:rPr lang="en-US" sz="2400" dirty="0"/>
              <a:t>, Zuid-Afrika</a:t>
            </a:r>
          </a:p>
          <a:p>
            <a:pPr marL="342900" indent="-342900"/>
            <a:r>
              <a:rPr lang="en-US" sz="2400" dirty="0" err="1"/>
              <a:t>Migratieproblematiek</a:t>
            </a:r>
            <a:endParaRPr lang="en-US" sz="2400" dirty="0"/>
          </a:p>
          <a:p>
            <a:pPr marL="342900" indent="-342900"/>
            <a:r>
              <a:rPr lang="en-US" sz="2400" dirty="0" err="1"/>
              <a:t>Klimaat</a:t>
            </a:r>
            <a:r>
              <a:rPr lang="en-US" sz="2400" dirty="0"/>
              <a:t>- </a:t>
            </a:r>
            <a:r>
              <a:rPr lang="en-US" sz="2400" dirty="0" err="1"/>
              <a:t>en</a:t>
            </a:r>
            <a:r>
              <a:rPr lang="en-US" sz="2400" dirty="0"/>
              <a:t> </a:t>
            </a:r>
            <a:r>
              <a:rPr lang="en-US" sz="2400" dirty="0" err="1"/>
              <a:t>milieukwesties</a:t>
            </a:r>
            <a:r>
              <a:rPr lang="en-US" sz="2400" dirty="0"/>
              <a:t> in </a:t>
            </a:r>
            <a:r>
              <a:rPr lang="en-US" sz="2400" dirty="0" err="1"/>
              <a:t>historisch</a:t>
            </a:r>
            <a:r>
              <a:rPr lang="en-US" sz="2400" dirty="0"/>
              <a:t> </a:t>
            </a:r>
            <a:r>
              <a:rPr lang="en-US" sz="2400" dirty="0" err="1"/>
              <a:t>perspectief</a:t>
            </a:r>
            <a:endParaRPr lang="en-US" sz="2400" dirty="0"/>
          </a:p>
          <a:p>
            <a:pPr marL="342900" indent="-342900"/>
            <a:r>
              <a:rPr lang="en-US" sz="2400" dirty="0" err="1"/>
              <a:t>Positie</a:t>
            </a:r>
            <a:r>
              <a:rPr lang="en-US" sz="2400" dirty="0"/>
              <a:t> van Nederland, </a:t>
            </a:r>
            <a:r>
              <a:rPr lang="en-US" sz="2400" dirty="0" err="1"/>
              <a:t>rol</a:t>
            </a:r>
            <a:r>
              <a:rPr lang="en-US" sz="2400" dirty="0"/>
              <a:t> van </a:t>
            </a:r>
            <a:r>
              <a:rPr lang="en-US" sz="2400" dirty="0" err="1"/>
              <a:t>kleine</a:t>
            </a:r>
            <a:r>
              <a:rPr lang="en-US" sz="2400" dirty="0"/>
              <a:t> </a:t>
            </a:r>
            <a:r>
              <a:rPr lang="en-US" sz="2400" dirty="0" err="1"/>
              <a:t>landen</a:t>
            </a:r>
            <a:r>
              <a:rPr lang="en-US" sz="2400" dirty="0"/>
              <a:t>, </a:t>
            </a:r>
            <a:r>
              <a:rPr lang="en-US" sz="2400" dirty="0" err="1"/>
              <a:t>neutraliteit</a:t>
            </a:r>
            <a:endParaRPr lang="en-US" sz="2400" dirty="0"/>
          </a:p>
          <a:p>
            <a:pPr marL="342900" indent="-342900"/>
            <a:r>
              <a:rPr lang="en-US" sz="2400" dirty="0"/>
              <a:t>Media, </a:t>
            </a:r>
            <a:r>
              <a:rPr lang="en-US" sz="2400" dirty="0" err="1"/>
              <a:t>beeldvorming</a:t>
            </a:r>
            <a:r>
              <a:rPr lang="en-US" sz="2400" dirty="0"/>
              <a:t>, propaganda</a:t>
            </a:r>
          </a:p>
          <a:p>
            <a:endParaRPr lang="nl-NL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5E8F354-3566-A0AD-E5D0-D9120708DA0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C001BC01-09AE-4334-B3B9-34CD6B0AB683}" type="slidenum">
              <a:rPr lang="nl-NL" smtClean="0"/>
              <a:pPr>
                <a:spcAft>
                  <a:spcPts val="600"/>
                </a:spcAft>
              </a:pPr>
              <a:t>14</a:t>
            </a:fld>
            <a:endParaRPr lang="nl-NL"/>
          </a:p>
        </p:txBody>
      </p:sp>
      <p:pic>
        <p:nvPicPr>
          <p:cNvPr id="7" name="Picture Placeholder 6" descr="A person writing on a piece of paper&#10;&#10;Description automatically generated with medium confidence">
            <a:extLst>
              <a:ext uri="{FF2B5EF4-FFF2-40B4-BE49-F238E27FC236}">
                <a16:creationId xmlns:a16="http://schemas.microsoft.com/office/drawing/2014/main" id="{19DCA5BB-D005-489D-BE30-BE9F284D517A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049" r="12049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286593484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271532-635C-9711-6F90-EF57399279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713" y="812212"/>
            <a:ext cx="7675200" cy="871200"/>
          </a:xfrm>
        </p:spPr>
        <p:txBody>
          <a:bodyPr/>
          <a:lstStyle/>
          <a:p>
            <a:r>
              <a:rPr lang="en-GB" dirty="0" err="1"/>
              <a:t>Recente</a:t>
            </a:r>
            <a:r>
              <a:rPr lang="en-GB" dirty="0"/>
              <a:t> MA-</a:t>
            </a:r>
            <a:r>
              <a:rPr lang="en-GB" dirty="0" err="1"/>
              <a:t>scriptiethema’s</a:t>
            </a:r>
            <a:endParaRPr lang="nl-NL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DEF3B05-3CF6-DB9C-29A1-D6F86CA41D2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605923" y="3284984"/>
            <a:ext cx="2498189" cy="2880320"/>
          </a:xfrm>
        </p:spPr>
        <p:txBody>
          <a:bodyPr/>
          <a:lstStyle/>
          <a:p>
            <a:pPr marL="519300" indent="-342900"/>
            <a:r>
              <a:rPr lang="nl-NL" sz="2000" i="1" dirty="0" err="1"/>
              <a:t>Environmental</a:t>
            </a:r>
            <a:r>
              <a:rPr lang="nl-NL" sz="2000" i="1" dirty="0"/>
              <a:t> </a:t>
            </a:r>
            <a:r>
              <a:rPr lang="nl-NL" sz="2000" i="1" dirty="0" err="1"/>
              <a:t>diplomacy</a:t>
            </a:r>
            <a:r>
              <a:rPr lang="nl-NL" sz="2000" i="1" dirty="0"/>
              <a:t>” van Costa Rica</a:t>
            </a:r>
          </a:p>
          <a:p>
            <a:pPr marL="519300" indent="-342900"/>
            <a:r>
              <a:rPr lang="nl-NL" sz="2000" i="1" dirty="0"/>
              <a:t>De rol van China in de Rotterdamse haven.</a:t>
            </a:r>
          </a:p>
          <a:p>
            <a:pPr marL="519300" indent="-342900"/>
            <a:r>
              <a:rPr lang="nl-NL" sz="2000" i="1" dirty="0"/>
              <a:t>Rol en betekenis van vrouwelijke diplomaten</a:t>
            </a:r>
          </a:p>
          <a:p>
            <a:pPr marL="519300" indent="-342900"/>
            <a:r>
              <a:rPr lang="nl-NL" sz="2000" i="1" dirty="0"/>
              <a:t>Nederland, de EU en Israël </a:t>
            </a:r>
            <a:r>
              <a:rPr lang="nl-NL" sz="2000" i="1" dirty="0">
                <a:solidFill>
                  <a:srgbClr val="0070C0"/>
                </a:solidFill>
              </a:rPr>
              <a:t>ETC ETC</a:t>
            </a:r>
          </a:p>
          <a:p>
            <a:pPr marL="342900" lvl="3" indent="-342900"/>
            <a:endParaRPr lang="nl-NL" sz="2000" i="1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7D13DFD-89AC-86DD-0AF3-0EAA409E8F1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5E8F354-3566-A0AD-E5D0-D9120708DA0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15</a:t>
            </a:fld>
            <a:endParaRPr lang="nl-NL" dirty="0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7994E380-C718-52A5-F012-320401EEEFB3}"/>
              </a:ext>
            </a:extLst>
          </p:cNvPr>
          <p:cNvSpPr txBox="1">
            <a:spLocks/>
          </p:cNvSpPr>
          <p:nvPr/>
        </p:nvSpPr>
        <p:spPr>
          <a:xfrm>
            <a:off x="407368" y="1997224"/>
            <a:ext cx="3470276" cy="4608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764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Source Sans Pro" panose="020B0503030403020204" pitchFamily="34" charset="0"/>
                <a:cs typeface="+mn-cs"/>
              </a:defRPr>
            </a:lvl1pPr>
            <a:lvl2pPr marL="3564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rgbClr val="1A1A20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Source Sans Pro" panose="020B0503030403020204" pitchFamily="34" charset="0"/>
                <a:cs typeface="+mn-cs"/>
              </a:defRPr>
            </a:lvl2pPr>
            <a:lvl3pPr marL="5328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rgbClr val="1A1A20"/>
              </a:buClr>
              <a:buFont typeface="Symbol" panose="05050102010706020507" pitchFamily="18" charset="2"/>
              <a:buChar char="-"/>
              <a:defRPr sz="1600" kern="1200">
                <a:solidFill>
                  <a:schemeClr val="tx1"/>
                </a:solidFill>
                <a:latin typeface="+mn-lt"/>
                <a:ea typeface="Source Sans Pro" panose="020B0503030403020204" pitchFamily="34" charset="0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accent2"/>
              </a:buClr>
              <a:buFont typeface="Symbol" panose="05050102010706020507" pitchFamily="18" charset="2"/>
              <a:buNone/>
              <a:defRPr sz="1600" b="0" kern="1200">
                <a:solidFill>
                  <a:schemeClr val="accent1"/>
                </a:solidFill>
                <a:latin typeface="+mn-lt"/>
                <a:ea typeface="Source Sans Pro" panose="020B0503030403020204" pitchFamily="34" charset="0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None/>
              <a:defRPr sz="2000" b="1" i="0" kern="1200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  <a:cs typeface="+mn-cs"/>
              </a:defRPr>
            </a:lvl5pPr>
            <a:lvl6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accent2"/>
              </a:buClr>
              <a:buFont typeface="Arial" panose="020B0604020202020204" pitchFamily="34" charset="0"/>
              <a:buNone/>
              <a:defRPr sz="2000" b="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6pPr>
            <a:lvl7pPr marL="342000" indent="-3429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tx1"/>
              </a:buClr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" indent="-3429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+mj-lt"/>
              <a:buAutoNum type="alphaLcPeriod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40000" indent="-1800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5"/>
            <a:endParaRPr lang="nl-NL" sz="2000" dirty="0"/>
          </a:p>
          <a:p>
            <a:pPr lvl="3"/>
            <a:r>
              <a:rPr lang="nl-NL" sz="2000" dirty="0"/>
              <a:t>Veel 20</a:t>
            </a:r>
            <a:r>
              <a:rPr lang="nl-NL" sz="2000" baseline="30000" dirty="0"/>
              <a:t>e</a:t>
            </a:r>
            <a:r>
              <a:rPr lang="nl-NL" sz="2000" dirty="0"/>
              <a:t> eeuw, maar niet alleen!</a:t>
            </a:r>
          </a:p>
        </p:txBody>
      </p:sp>
      <p:pic>
        <p:nvPicPr>
          <p:cNvPr id="19" name="Picture Placeholder 18">
            <a:extLst>
              <a:ext uri="{FF2B5EF4-FFF2-40B4-BE49-F238E27FC236}">
                <a16:creationId xmlns:a16="http://schemas.microsoft.com/office/drawing/2014/main" id="{17BF5B2D-B708-4046-A876-A06EA7946FCA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8798" r="27468"/>
          <a:stretch/>
        </p:blipFill>
        <p:spPr>
          <a:xfrm>
            <a:off x="8719200" y="0"/>
            <a:ext cx="3470400" cy="6858000"/>
          </a:xfrm>
        </p:spPr>
      </p:pic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1F3B2BC6-DFAB-4924-CB7C-7C1F9A4FA0E6}"/>
              </a:ext>
            </a:extLst>
          </p:cNvPr>
          <p:cNvSpPr txBox="1">
            <a:spLocks/>
          </p:cNvSpPr>
          <p:nvPr/>
        </p:nvSpPr>
        <p:spPr>
          <a:xfrm>
            <a:off x="574543" y="3284984"/>
            <a:ext cx="3277031" cy="304883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764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Source Sans Pro" panose="020B0503030403020204" pitchFamily="34" charset="0"/>
                <a:cs typeface="+mn-cs"/>
              </a:defRPr>
            </a:lvl1pPr>
            <a:lvl2pPr marL="3564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rgbClr val="1A1A20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Source Sans Pro" panose="020B0503030403020204" pitchFamily="34" charset="0"/>
                <a:cs typeface="+mn-cs"/>
              </a:defRPr>
            </a:lvl2pPr>
            <a:lvl3pPr marL="5328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rgbClr val="1A1A20"/>
              </a:buClr>
              <a:buFont typeface="Symbol" panose="05050102010706020507" pitchFamily="18" charset="2"/>
              <a:buChar char="-"/>
              <a:defRPr sz="1600" kern="1200">
                <a:solidFill>
                  <a:schemeClr val="tx1"/>
                </a:solidFill>
                <a:latin typeface="+mn-lt"/>
                <a:ea typeface="Source Sans Pro" panose="020B0503030403020204" pitchFamily="34" charset="0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accent2"/>
              </a:buClr>
              <a:buFont typeface="Symbol" panose="05050102010706020507" pitchFamily="18" charset="2"/>
              <a:buNone/>
              <a:defRPr sz="1600" b="0" kern="1200">
                <a:solidFill>
                  <a:schemeClr val="accent1"/>
                </a:solidFill>
                <a:latin typeface="+mn-lt"/>
                <a:ea typeface="Source Sans Pro" panose="020B0503030403020204" pitchFamily="34" charset="0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None/>
              <a:defRPr sz="2000" b="1" i="0" kern="1200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  <a:cs typeface="+mn-cs"/>
              </a:defRPr>
            </a:lvl5pPr>
            <a:lvl6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accent2"/>
              </a:buClr>
              <a:buFont typeface="Arial" panose="020B0604020202020204" pitchFamily="34" charset="0"/>
              <a:buNone/>
              <a:defRPr sz="2000" b="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6pPr>
            <a:lvl7pPr marL="342000" indent="-3429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tx1"/>
              </a:buClr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" indent="-3429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+mj-lt"/>
              <a:buAutoNum type="alphaLcPeriod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40000" indent="-1800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519300" indent="-342900"/>
            <a:r>
              <a:rPr lang="en-US" sz="2000" i="1" dirty="0"/>
              <a:t>De IRA </a:t>
            </a:r>
            <a:r>
              <a:rPr lang="en-US" sz="2000" i="1" dirty="0" err="1"/>
              <a:t>en</a:t>
            </a:r>
            <a:r>
              <a:rPr lang="en-US" sz="2000" i="1" dirty="0"/>
              <a:t> het </a:t>
            </a:r>
            <a:r>
              <a:rPr lang="en-US" sz="2000" i="1" dirty="0" err="1"/>
              <a:t>Ierland</a:t>
            </a:r>
            <a:r>
              <a:rPr lang="en-US" sz="2000" i="1" dirty="0"/>
              <a:t> </a:t>
            </a:r>
            <a:r>
              <a:rPr lang="en-US" sz="2000" i="1" dirty="0" err="1"/>
              <a:t>Komitee</a:t>
            </a:r>
            <a:r>
              <a:rPr lang="en-US" sz="2000" i="1" dirty="0"/>
              <a:t> Nederland</a:t>
            </a:r>
          </a:p>
          <a:p>
            <a:pPr marL="519300" indent="-342900"/>
            <a:r>
              <a:rPr lang="nl-NL" sz="2000" i="1" dirty="0"/>
              <a:t>Propagandabeleid van de IS, 2014-2016</a:t>
            </a:r>
          </a:p>
          <a:p>
            <a:pPr marL="519300" indent="-342900"/>
            <a:r>
              <a:rPr lang="en-US" sz="2000" i="1" dirty="0" err="1"/>
              <a:t>Nederlands</a:t>
            </a:r>
            <a:r>
              <a:rPr lang="en-US" sz="2000" i="1" dirty="0"/>
              <a:t> </a:t>
            </a:r>
            <a:r>
              <a:rPr lang="en-US" sz="2000" i="1" dirty="0" err="1"/>
              <a:t>kernenergiedebat</a:t>
            </a:r>
            <a:r>
              <a:rPr lang="en-US" sz="2000" i="1" dirty="0"/>
              <a:t> in transnational </a:t>
            </a:r>
            <a:r>
              <a:rPr lang="en-US" sz="2000" i="1" dirty="0" err="1"/>
              <a:t>perspectief</a:t>
            </a:r>
            <a:endParaRPr lang="en-US" sz="2000" i="1" dirty="0"/>
          </a:p>
          <a:p>
            <a:pPr marL="342900" lvl="3" indent="-342900"/>
            <a:endParaRPr lang="nl-NL" sz="2000" i="1" dirty="0"/>
          </a:p>
        </p:txBody>
      </p:sp>
    </p:spTree>
    <p:extLst>
      <p:ext uri="{BB962C8B-B14F-4D97-AF65-F5344CB8AC3E}">
        <p14:creationId xmlns:p14="http://schemas.microsoft.com/office/powerpoint/2010/main" val="79602636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271532-635C-9711-6F90-EF57399279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757520"/>
            <a:ext cx="7706866" cy="727816"/>
          </a:xfrm>
        </p:spPr>
        <p:txBody>
          <a:bodyPr/>
          <a:lstStyle/>
          <a:p>
            <a:r>
              <a:rPr lang="en-GB" dirty="0" err="1"/>
              <a:t>Waar</a:t>
            </a:r>
            <a:r>
              <a:rPr lang="en-GB" dirty="0"/>
              <a:t> </a:t>
            </a:r>
            <a:r>
              <a:rPr lang="en-GB" dirty="0" err="1"/>
              <a:t>komen</a:t>
            </a:r>
            <a:r>
              <a:rPr lang="en-GB" dirty="0"/>
              <a:t> alumni </a:t>
            </a:r>
            <a:r>
              <a:rPr lang="en-GB" dirty="0" err="1"/>
              <a:t>terecht</a:t>
            </a:r>
            <a:r>
              <a:rPr lang="en-GB" dirty="0"/>
              <a:t>?	</a:t>
            </a:r>
            <a:endParaRPr lang="nl-NL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7D13DFD-89AC-86DD-0AF3-0EAA409E8F1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5E8F354-3566-A0AD-E5D0-D9120708DA0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16</a:t>
            </a:fld>
            <a:endParaRPr lang="nl-NL" dirty="0"/>
          </a:p>
        </p:txBody>
      </p:sp>
      <p:pic>
        <p:nvPicPr>
          <p:cNvPr id="7" name="Picture Placeholder 8">
            <a:extLst>
              <a:ext uri="{FF2B5EF4-FFF2-40B4-BE49-F238E27FC236}">
                <a16:creationId xmlns:a16="http://schemas.microsoft.com/office/drawing/2014/main" id="{F4BC5BC7-2437-2E51-A24B-1E3B24407B49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005" r="58345"/>
          <a:stretch/>
        </p:blipFill>
        <p:spPr>
          <a:xfrm>
            <a:off x="8721725" y="0"/>
            <a:ext cx="3470275" cy="6858000"/>
          </a:xfr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D9FD44B-B09E-801B-4410-0EF383529D8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1568" y="1895617"/>
            <a:ext cx="7675563" cy="4870040"/>
          </a:xfrm>
        </p:spPr>
        <p:txBody>
          <a:bodyPr/>
          <a:lstStyle/>
          <a:p>
            <a:pPr lvl="3"/>
            <a:r>
              <a:rPr lang="en-US" sz="1800" b="1" u="sng" dirty="0" err="1"/>
              <a:t>Overheid</a:t>
            </a:r>
            <a:r>
              <a:rPr lang="en-US" sz="1800" b="1" u="sng" dirty="0"/>
              <a:t>/semi-</a:t>
            </a:r>
            <a:r>
              <a:rPr lang="en-US" sz="1800" b="1" u="sng" dirty="0" err="1"/>
              <a:t>overheid</a:t>
            </a:r>
            <a:endParaRPr lang="en-US" sz="1800" b="1" u="sng" dirty="0"/>
          </a:p>
          <a:p>
            <a:pPr marL="522900" lvl="1" indent="-342900"/>
            <a:r>
              <a:rPr lang="en-US" sz="1800" dirty="0" err="1"/>
              <a:t>Ministeries</a:t>
            </a:r>
            <a:r>
              <a:rPr lang="en-US" sz="1800" dirty="0"/>
              <a:t> (van </a:t>
            </a:r>
            <a:r>
              <a:rPr lang="en-US" sz="1800" dirty="0" err="1"/>
              <a:t>Buitenlandse</a:t>
            </a:r>
            <a:r>
              <a:rPr lang="en-US" sz="1800" dirty="0"/>
              <a:t> </a:t>
            </a:r>
            <a:r>
              <a:rPr lang="en-US" sz="1800" dirty="0" err="1"/>
              <a:t>Zaken</a:t>
            </a:r>
            <a:r>
              <a:rPr lang="en-US" sz="1800" dirty="0"/>
              <a:t>, </a:t>
            </a:r>
            <a:r>
              <a:rPr lang="en-US" sz="1800" dirty="0" err="1"/>
              <a:t>Defensie</a:t>
            </a:r>
            <a:r>
              <a:rPr lang="en-US" sz="1800" dirty="0"/>
              <a:t> </a:t>
            </a:r>
            <a:r>
              <a:rPr lang="en-US" sz="1800" dirty="0" err="1"/>
              <a:t>vooral</a:t>
            </a:r>
            <a:r>
              <a:rPr lang="en-US" sz="1800" dirty="0"/>
              <a:t>)</a:t>
            </a:r>
          </a:p>
          <a:p>
            <a:pPr marL="522900" lvl="1" indent="-342900"/>
            <a:r>
              <a:rPr lang="en-US" sz="1800" dirty="0" err="1"/>
              <a:t>Onderzoeksinstituten</a:t>
            </a:r>
            <a:r>
              <a:rPr lang="en-US" sz="1800" dirty="0"/>
              <a:t> (</a:t>
            </a:r>
            <a:r>
              <a:rPr lang="en-US" sz="1800" dirty="0" err="1"/>
              <a:t>Militaire</a:t>
            </a:r>
            <a:r>
              <a:rPr lang="en-US" sz="1800" dirty="0"/>
              <a:t> </a:t>
            </a:r>
            <a:r>
              <a:rPr lang="en-US" sz="1800" dirty="0" err="1"/>
              <a:t>Historie</a:t>
            </a:r>
            <a:r>
              <a:rPr lang="en-US" sz="1800" dirty="0"/>
              <a:t>/</a:t>
            </a:r>
            <a:r>
              <a:rPr lang="nl-NL" sz="1800" dirty="0" err="1"/>
              <a:t>Institute</a:t>
            </a:r>
            <a:r>
              <a:rPr lang="nl-NL" sz="1800" dirty="0"/>
              <a:t> </a:t>
            </a:r>
            <a:r>
              <a:rPr lang="nl-NL" sz="1800" dirty="0" err="1"/>
              <a:t>for</a:t>
            </a:r>
            <a:r>
              <a:rPr lang="nl-NL" sz="1800" dirty="0"/>
              <a:t> Strategic </a:t>
            </a:r>
            <a:r>
              <a:rPr lang="nl-NL" sz="1800" dirty="0" err="1"/>
              <a:t>Dialogue</a:t>
            </a:r>
            <a:r>
              <a:rPr lang="nl-NL" sz="1800" dirty="0"/>
              <a:t> </a:t>
            </a:r>
            <a:r>
              <a:rPr lang="nl-NL" sz="1800" dirty="0" err="1"/>
              <a:t>bijv</a:t>
            </a:r>
            <a:r>
              <a:rPr lang="nl-NL" sz="1800" dirty="0"/>
              <a:t>)</a:t>
            </a:r>
            <a:endParaRPr lang="en-US" sz="1800" dirty="0"/>
          </a:p>
          <a:p>
            <a:pPr marL="522900" lvl="1" indent="-342900"/>
            <a:r>
              <a:rPr lang="en-US" sz="1800" dirty="0" err="1"/>
              <a:t>Lokale</a:t>
            </a:r>
            <a:r>
              <a:rPr lang="en-US" sz="1800" dirty="0"/>
              <a:t> </a:t>
            </a:r>
            <a:r>
              <a:rPr lang="en-US" sz="1800" dirty="0" err="1"/>
              <a:t>overheid</a:t>
            </a:r>
            <a:endParaRPr lang="nl-NL" sz="1800" dirty="0"/>
          </a:p>
          <a:p>
            <a:pPr lvl="3"/>
            <a:r>
              <a:rPr lang="en-US" sz="1800" b="1" u="sng" dirty="0" err="1"/>
              <a:t>Politieke</a:t>
            </a:r>
            <a:r>
              <a:rPr lang="en-US" sz="1800" b="1" u="sng" dirty="0"/>
              <a:t> </a:t>
            </a:r>
            <a:r>
              <a:rPr lang="en-US" sz="1800" b="1" u="sng" dirty="0" err="1"/>
              <a:t>partijen</a:t>
            </a:r>
            <a:r>
              <a:rPr lang="en-US" sz="1800" dirty="0"/>
              <a:t> </a:t>
            </a:r>
          </a:p>
          <a:p>
            <a:pPr marL="522900" lvl="1" indent="-342900"/>
            <a:r>
              <a:rPr lang="en-US" sz="1800" dirty="0" err="1"/>
              <a:t>Wetenschappelijke</a:t>
            </a:r>
            <a:r>
              <a:rPr lang="en-US" sz="1800" dirty="0"/>
              <a:t> bureau’s </a:t>
            </a:r>
            <a:r>
              <a:rPr lang="en-US" sz="1800" dirty="0" err="1"/>
              <a:t>bv</a:t>
            </a:r>
            <a:r>
              <a:rPr lang="en-US" sz="1800" dirty="0"/>
              <a:t>.</a:t>
            </a:r>
            <a:endParaRPr lang="en-US" sz="1800" b="1" u="sng" dirty="0"/>
          </a:p>
          <a:p>
            <a:pPr lvl="3"/>
            <a:r>
              <a:rPr lang="en-US" sz="1800" b="1" u="sng" dirty="0"/>
              <a:t>NGO/</a:t>
            </a:r>
            <a:r>
              <a:rPr lang="en-US" sz="1800" b="1" u="sng" dirty="0" err="1"/>
              <a:t>duurzaamheid</a:t>
            </a:r>
            <a:r>
              <a:rPr lang="en-US" sz="1800" b="1" u="sng" dirty="0"/>
              <a:t>/</a:t>
            </a:r>
            <a:r>
              <a:rPr lang="en-US" sz="1800" b="1" u="sng" dirty="0" err="1"/>
              <a:t>ontwikkelingssamenwerking</a:t>
            </a:r>
            <a:endParaRPr lang="en-US" sz="1800" b="1" u="sng" dirty="0"/>
          </a:p>
          <a:p>
            <a:pPr marL="522900" lvl="1" indent="-342900"/>
            <a:r>
              <a:rPr lang="nl-NL" sz="1800" dirty="0"/>
              <a:t>Bijv. “Hivos”, “Amnesty”, “</a:t>
            </a:r>
            <a:r>
              <a:rPr lang="nl-NL" sz="1800" dirty="0" err="1"/>
              <a:t>Klimaatgerust</a:t>
            </a:r>
            <a:r>
              <a:rPr lang="nl-NL" sz="1800" dirty="0"/>
              <a:t>”, Gemeentes (Regio Holland Rijnland)</a:t>
            </a:r>
            <a:endParaRPr lang="nl-NL" sz="1800" b="1" u="sng" dirty="0"/>
          </a:p>
          <a:p>
            <a:pPr lvl="3"/>
            <a:r>
              <a:rPr lang="nl-NL" sz="1800" b="1" u="sng" dirty="0"/>
              <a:t>Commercieel</a:t>
            </a:r>
          </a:p>
          <a:p>
            <a:pPr marL="522900" lvl="1" indent="-342900"/>
            <a:r>
              <a:rPr lang="en-US" sz="1800" dirty="0" err="1"/>
              <a:t>Banken</a:t>
            </a:r>
            <a:r>
              <a:rPr lang="en-US" sz="1800" dirty="0"/>
              <a:t>, multinationals, consultancy, </a:t>
            </a:r>
            <a:r>
              <a:rPr lang="en-US" sz="1800" dirty="0" err="1"/>
              <a:t>uitgeverijen</a:t>
            </a:r>
            <a:endParaRPr lang="nl-NL" sz="1800" u="sng" dirty="0"/>
          </a:p>
          <a:p>
            <a:pPr lvl="3"/>
            <a:r>
              <a:rPr lang="nl-NL" sz="1800" b="1" u="sng" dirty="0"/>
              <a:t>Andere</a:t>
            </a:r>
          </a:p>
          <a:p>
            <a:pPr marL="522900" lvl="1" indent="-342900"/>
            <a:r>
              <a:rPr lang="nl-NL" sz="1800" dirty="0"/>
              <a:t>Musea, journalistiek, onderwijs</a:t>
            </a:r>
            <a:endParaRPr lang="en-US" sz="1800" dirty="0"/>
          </a:p>
          <a:p>
            <a:endParaRPr lang="nl-NL" dirty="0"/>
          </a:p>
        </p:txBody>
      </p:sp>
      <p:pic>
        <p:nvPicPr>
          <p:cNvPr id="3" name="Picture Placeholder 16">
            <a:extLst>
              <a:ext uri="{FF2B5EF4-FFF2-40B4-BE49-F238E27FC236}">
                <a16:creationId xmlns:a16="http://schemas.microsoft.com/office/drawing/2014/main" id="{D2F2A486-A3D5-6336-C624-697672A3799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102" r="12102"/>
          <a:stretch>
            <a:fillRect/>
          </a:stretch>
        </p:blipFill>
        <p:spPr>
          <a:xfrm>
            <a:off x="8716617" y="0"/>
            <a:ext cx="346744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13743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271532-635C-9711-6F90-EF57399279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713" y="812212"/>
            <a:ext cx="7675200" cy="871200"/>
          </a:xfrm>
        </p:spPr>
        <p:txBody>
          <a:bodyPr/>
          <a:lstStyle/>
          <a:p>
            <a:r>
              <a:rPr lang="en-GB" dirty="0" err="1"/>
              <a:t>Toelating</a:t>
            </a:r>
            <a:endParaRPr lang="nl-NL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7D13DFD-89AC-86DD-0AF3-0EAA409E8F1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5E8F354-3566-A0AD-E5D0-D9120708DA0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17</a:t>
            </a:fld>
            <a:endParaRPr lang="nl-NL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D9FD44B-B09E-801B-4410-0EF383529D8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4713" y="1987960"/>
            <a:ext cx="7675563" cy="4870040"/>
          </a:xfrm>
        </p:spPr>
        <p:txBody>
          <a:bodyPr/>
          <a:lstStyle/>
          <a:p>
            <a:pPr lvl="4">
              <a:lnSpc>
                <a:spcPct val="100000"/>
              </a:lnSpc>
              <a:spcBef>
                <a:spcPts val="1400"/>
              </a:spcBef>
            </a:pPr>
            <a:r>
              <a:rPr lang="nl-NL" dirty="0"/>
              <a:t>Ingangseisen:</a:t>
            </a:r>
          </a:p>
          <a:p>
            <a:pPr marL="342900" indent="-342900">
              <a:lnSpc>
                <a:spcPct val="100000"/>
              </a:lnSpc>
              <a:spcBef>
                <a:spcPts val="1400"/>
              </a:spcBef>
            </a:pPr>
            <a:r>
              <a:rPr lang="nl-NL" sz="1700" dirty="0"/>
              <a:t>BA Geschiedenis en BA Europese Studies, </a:t>
            </a:r>
            <a:r>
              <a:rPr lang="nl-NL" sz="1700" u="sng" dirty="0"/>
              <a:t>variant Geschiedenis </a:t>
            </a:r>
          </a:p>
          <a:p>
            <a:pPr marL="342900" indent="-342900">
              <a:lnSpc>
                <a:spcPct val="100000"/>
              </a:lnSpc>
              <a:spcBef>
                <a:spcPts val="1400"/>
              </a:spcBef>
            </a:pPr>
            <a:r>
              <a:rPr lang="nl-NL" sz="1700" dirty="0"/>
              <a:t>BA Politicologie, met minstens </a:t>
            </a:r>
            <a:r>
              <a:rPr lang="nl-NL" sz="1700" u="sng" dirty="0"/>
              <a:t>30 ECTS aan Geschiedenisvakken </a:t>
            </a:r>
            <a:r>
              <a:rPr lang="nl-NL" sz="1700" dirty="0"/>
              <a:t>(toelatingscommissie beslist!)</a:t>
            </a:r>
          </a:p>
          <a:p>
            <a:pPr marL="342900" indent="-342900">
              <a:lnSpc>
                <a:spcPct val="100000"/>
              </a:lnSpc>
              <a:spcBef>
                <a:spcPts val="1400"/>
              </a:spcBef>
            </a:pPr>
            <a:r>
              <a:rPr lang="nl-NL" sz="1700" dirty="0"/>
              <a:t>Andere geesteswetenschapsopleiding? Voorwaarde is: </a:t>
            </a:r>
            <a:r>
              <a:rPr lang="nl-NL" sz="1700" u="sng" dirty="0"/>
              <a:t>30 ECTS Geschiedenisvakken </a:t>
            </a:r>
            <a:r>
              <a:rPr lang="nl-NL" sz="1700" dirty="0"/>
              <a:t>(toelatingscommissie beslist!)</a:t>
            </a:r>
          </a:p>
          <a:p>
            <a:pPr marL="0" indent="0">
              <a:lnSpc>
                <a:spcPct val="100000"/>
              </a:lnSpc>
              <a:spcBef>
                <a:spcPts val="1400"/>
              </a:spcBef>
              <a:buNone/>
            </a:pPr>
            <a:r>
              <a:rPr lang="nl-NL" sz="2000" b="1" dirty="0">
                <a:solidFill>
                  <a:schemeClr val="accent5"/>
                </a:solidFill>
              </a:rPr>
              <a:t>Specifieke vragen over aanmelding en toelating</a:t>
            </a:r>
          </a:p>
          <a:p>
            <a:pPr lvl="3">
              <a:spcBef>
                <a:spcPts val="1400"/>
              </a:spcBef>
            </a:pPr>
            <a:r>
              <a:rPr lang="nl-NL" sz="1700" dirty="0"/>
              <a:t>Mail naar </a:t>
            </a:r>
            <a:r>
              <a:rPr lang="nl-NL" sz="1700" u="sng" dirty="0">
                <a:hlinkClick r:id="rId3"/>
              </a:rPr>
              <a:t>AdmissionsMA-fgw@uva.nl</a:t>
            </a:r>
            <a:endParaRPr lang="en-US" sz="1700" dirty="0"/>
          </a:p>
          <a:p>
            <a:pPr lvl="4">
              <a:spcBef>
                <a:spcPts val="1400"/>
              </a:spcBef>
            </a:pPr>
            <a:r>
              <a:rPr lang="nl-NL" dirty="0"/>
              <a:t>Specifieke vragen over deze MA</a:t>
            </a:r>
          </a:p>
          <a:p>
            <a:pPr lvl="3">
              <a:spcBef>
                <a:spcPts val="1400"/>
              </a:spcBef>
            </a:pPr>
            <a:r>
              <a:rPr lang="nl-NL" sz="1700" dirty="0"/>
              <a:t>Mail naar </a:t>
            </a:r>
            <a:r>
              <a:rPr lang="nl-NL" sz="1700" u="sng" dirty="0">
                <a:hlinkClick r:id="rId4"/>
              </a:rPr>
              <a:t>r.vandermaar@uva.nl</a:t>
            </a:r>
            <a:endParaRPr lang="nl-NL" sz="1700" u="sng" dirty="0"/>
          </a:p>
        </p:txBody>
      </p:sp>
      <p:pic>
        <p:nvPicPr>
          <p:cNvPr id="24" name="Picture 24">
            <a:extLst>
              <a:ext uri="{FF2B5EF4-FFF2-40B4-BE49-F238E27FC236}">
                <a16:creationId xmlns:a16="http://schemas.microsoft.com/office/drawing/2014/main" id="{9A5B7102-9FFC-56B1-2F24-C66B714962AD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 rotWithShape="1">
          <a:blip r:embed="rId5"/>
          <a:srcRect l="32847" r="32847"/>
          <a:stretch/>
        </p:blipFill>
        <p:spPr/>
      </p:pic>
    </p:spTree>
    <p:extLst>
      <p:ext uri="{BB962C8B-B14F-4D97-AF65-F5344CB8AC3E}">
        <p14:creationId xmlns:p14="http://schemas.microsoft.com/office/powerpoint/2010/main" val="104845686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300052-EB91-D288-67CB-C4EDF8A70D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692696"/>
            <a:ext cx="5047200" cy="1547135"/>
          </a:xfrm>
        </p:spPr>
        <p:txBody>
          <a:bodyPr/>
          <a:lstStyle/>
          <a:p>
            <a:r>
              <a:rPr lang="en-GB" dirty="0" err="1"/>
              <a:t>Inhoud</a:t>
            </a:r>
            <a:endParaRPr lang="nl-NL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1803CDA-9469-3108-48CA-BBC59F0E759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91344" y="2564904"/>
            <a:ext cx="5047200" cy="2396096"/>
          </a:xfrm>
        </p:spPr>
        <p:txBody>
          <a:bodyPr>
            <a:noAutofit/>
          </a:bodyPr>
          <a:lstStyle/>
          <a:p>
            <a:pPr marL="685800" indent="-342900">
              <a:lnSpc>
                <a:spcPct val="110000"/>
              </a:lnSpc>
              <a:buFont typeface="Arial" panose="020B0604020202020204" pitchFamily="34" charset="0"/>
              <a:buChar char="•"/>
            </a:pPr>
            <a:r>
              <a:rPr lang="nl-NL" sz="2200" dirty="0"/>
              <a:t>Doel van deze MA</a:t>
            </a:r>
          </a:p>
          <a:p>
            <a:pPr marL="685800" indent="-342900">
              <a:lnSpc>
                <a:spcPct val="110000"/>
              </a:lnSpc>
              <a:buFont typeface="Arial" panose="020B0604020202020204" pitchFamily="34" charset="0"/>
              <a:buChar char="•"/>
            </a:pPr>
            <a:r>
              <a:rPr lang="nl-NL" sz="2200" dirty="0"/>
              <a:t>Hoe willen we dat bereiken?</a:t>
            </a:r>
          </a:p>
          <a:p>
            <a:pPr marL="685800" indent="-342900">
              <a:lnSpc>
                <a:spcPct val="110000"/>
              </a:lnSpc>
              <a:buFont typeface="Arial" panose="020B0604020202020204" pitchFamily="34" charset="0"/>
              <a:buChar char="•"/>
            </a:pPr>
            <a:r>
              <a:rPr lang="nl-NL" sz="2200" dirty="0"/>
              <a:t>Opbouw programma</a:t>
            </a:r>
          </a:p>
          <a:p>
            <a:pPr marL="685800" indent="-342900">
              <a:lnSpc>
                <a:spcPct val="110000"/>
              </a:lnSpc>
              <a:buFont typeface="Arial" panose="020B0604020202020204" pitchFamily="34" charset="0"/>
              <a:buChar char="•"/>
            </a:pPr>
            <a:r>
              <a:rPr lang="nl-NL" sz="2200" dirty="0"/>
              <a:t>Ervaringen van Tirza Smits</a:t>
            </a:r>
          </a:p>
          <a:p>
            <a:pPr marL="685800" indent="-342900">
              <a:lnSpc>
                <a:spcPct val="110000"/>
              </a:lnSpc>
              <a:buFont typeface="Arial" panose="020B0604020202020204" pitchFamily="34" charset="0"/>
              <a:buChar char="•"/>
            </a:pPr>
            <a:r>
              <a:rPr lang="nl-NL" sz="2200" dirty="0"/>
              <a:t>Vragen</a:t>
            </a:r>
            <a:endParaRPr lang="en-US" sz="2200" dirty="0"/>
          </a:p>
          <a:p>
            <a:endParaRPr lang="nl-NL" sz="1700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D66D2EE-D731-6861-4858-7AB8435B0EC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F778B72-7898-06C7-1C6D-4702B5C986B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1</a:t>
            </a:fld>
            <a:endParaRPr lang="nl-NL" dirty="0"/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DEF07AC-313A-90CF-8594-E40082316A4C}"/>
              </a:ext>
            </a:extLst>
          </p:cNvPr>
          <p:cNvSpPr txBox="1">
            <a:spLocks/>
          </p:cNvSpPr>
          <p:nvPr/>
        </p:nvSpPr>
        <p:spPr>
          <a:xfrm>
            <a:off x="5562000" y="13066"/>
            <a:ext cx="6627600" cy="6858000"/>
          </a:xfrm>
          <a:prstGeom prst="rect">
            <a:avLst/>
          </a:prstGeom>
        </p:spPr>
        <p:txBody>
          <a:bodyPr/>
          <a:lstStyle/>
          <a:p>
            <a:endParaRPr lang="nl-NL"/>
          </a:p>
        </p:txBody>
      </p:sp>
      <p:pic>
        <p:nvPicPr>
          <p:cNvPr id="9" name="Afbeelding 4">
            <a:extLst>
              <a:ext uri="{FF2B5EF4-FFF2-40B4-BE49-F238E27FC236}">
                <a16:creationId xmlns:a16="http://schemas.microsoft.com/office/drawing/2014/main" id="{FE42489A-6A87-D0B5-B4B9-1A41602FBDA4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6" t="-18983" r="48" b="-18983"/>
          <a:stretch/>
        </p:blipFill>
        <p:spPr>
          <a:xfrm>
            <a:off x="5562600" y="0"/>
            <a:ext cx="6626225" cy="6858000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BD1E918D-4279-6BBD-5B8F-AA02A87A8A6C}"/>
              </a:ext>
            </a:extLst>
          </p:cNvPr>
          <p:cNvSpPr txBox="1"/>
          <p:nvPr/>
        </p:nvSpPr>
        <p:spPr>
          <a:xfrm>
            <a:off x="8040216" y="6237312"/>
            <a:ext cx="1140056" cy="43088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200" b="1" dirty="0" err="1"/>
              <a:t>Bushuis</a:t>
            </a:r>
            <a:endParaRPr lang="nl-NL" sz="2200" b="1" dirty="0"/>
          </a:p>
        </p:txBody>
      </p:sp>
    </p:spTree>
    <p:extLst>
      <p:ext uri="{BB962C8B-B14F-4D97-AF65-F5344CB8AC3E}">
        <p14:creationId xmlns:p14="http://schemas.microsoft.com/office/powerpoint/2010/main" val="7693761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9EACC5-E9EB-608C-B171-4B336A72F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549" y="1101392"/>
            <a:ext cx="5047200" cy="747208"/>
          </a:xfrm>
        </p:spPr>
        <p:txBody>
          <a:bodyPr/>
          <a:lstStyle/>
          <a:p>
            <a:r>
              <a:rPr lang="en-GB" dirty="0" err="1"/>
              <a:t>Samenstelling</a:t>
            </a:r>
            <a:endParaRPr lang="nl-NL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6D5870F-671C-4869-E8CA-3EDBD5525EB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E43052E-3E3B-CEB3-0F24-0EB24254361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2</a:t>
            </a:fld>
            <a:endParaRPr lang="nl-NL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4D4C25E9-FB3E-F126-B25E-6156654DED41}"/>
              </a:ext>
            </a:extLst>
          </p:cNvPr>
          <p:cNvSpPr txBox="1">
            <a:spLocks/>
          </p:cNvSpPr>
          <p:nvPr/>
        </p:nvSpPr>
        <p:spPr>
          <a:xfrm>
            <a:off x="6096000" y="0"/>
            <a:ext cx="6094800" cy="6858000"/>
          </a:xfrm>
          <a:prstGeom prst="rect">
            <a:avLst/>
          </a:prstGeom>
        </p:spPr>
        <p:txBody>
          <a:bodyPr/>
          <a:lstStyle/>
          <a:p>
            <a:endParaRPr lang="nl-NL"/>
          </a:p>
        </p:txBody>
      </p:sp>
      <p:pic>
        <p:nvPicPr>
          <p:cNvPr id="8" name="Tijdelijke aanduiding voor inhoud 4">
            <a:extLst>
              <a:ext uri="{FF2B5EF4-FFF2-40B4-BE49-F238E27FC236}">
                <a16:creationId xmlns:a16="http://schemas.microsoft.com/office/drawing/2014/main" id="{839E35FB-FD5F-1867-80B7-A39DF6254756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675" r="16675"/>
          <a:stretch>
            <a:fillRect/>
          </a:stretch>
        </p:blipFill>
        <p:spPr>
          <a:xfrm>
            <a:off x="4799856" y="0"/>
            <a:ext cx="7388969" cy="6858000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DB268F44-ADA2-43C9-E5D6-692FCA78D7B2}"/>
              </a:ext>
            </a:extLst>
          </p:cNvPr>
          <p:cNvSpPr txBox="1"/>
          <p:nvPr/>
        </p:nvSpPr>
        <p:spPr>
          <a:xfrm>
            <a:off x="399048" y="2081385"/>
            <a:ext cx="4295332" cy="30162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30-40 </a:t>
            </a:r>
            <a:r>
              <a:rPr lang="en-US" sz="2400" dirty="0" err="1"/>
              <a:t>studenten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Van </a:t>
            </a:r>
            <a:r>
              <a:rPr lang="en-US" sz="2400" dirty="0" err="1"/>
              <a:t>meerdere</a:t>
            </a:r>
            <a:r>
              <a:rPr lang="en-US" sz="2400" dirty="0"/>
              <a:t> </a:t>
            </a:r>
            <a:r>
              <a:rPr lang="en-US" sz="2400" dirty="0" err="1"/>
              <a:t>studierichtingen</a:t>
            </a:r>
            <a:r>
              <a:rPr lang="en-US" sz="2400" dirty="0"/>
              <a:t>, </a:t>
            </a:r>
            <a:r>
              <a:rPr lang="en-US" sz="2400" dirty="0" err="1"/>
              <a:t>meerdere</a:t>
            </a:r>
            <a:r>
              <a:rPr lang="en-US" sz="2400" dirty="0"/>
              <a:t> </a:t>
            </a:r>
            <a:r>
              <a:rPr lang="en-US" sz="2400" dirty="0" err="1"/>
              <a:t>universiteiten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Zie</a:t>
            </a:r>
            <a:r>
              <a:rPr lang="en-US" sz="2400" dirty="0"/>
              <a:t> ‘testimonials’ op </a:t>
            </a:r>
            <a:r>
              <a:rPr lang="en-US" sz="2400" dirty="0" err="1"/>
              <a:t>onze</a:t>
            </a:r>
            <a:r>
              <a:rPr lang="en-US" sz="2400" dirty="0"/>
              <a:t> websit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Linkedin</a:t>
            </a:r>
            <a:r>
              <a:rPr lang="en-US" sz="2400" dirty="0"/>
              <a:t>, Groep Master GIB, </a:t>
            </a:r>
            <a:r>
              <a:rPr lang="en-US" sz="2400" dirty="0" err="1"/>
              <a:t>UvA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2200" dirty="0"/>
          </a:p>
        </p:txBody>
      </p:sp>
    </p:spTree>
    <p:extLst>
      <p:ext uri="{BB962C8B-B14F-4D97-AF65-F5344CB8AC3E}">
        <p14:creationId xmlns:p14="http://schemas.microsoft.com/office/powerpoint/2010/main" val="409080898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6C28CD64-075A-CD99-42B9-E44A069DDF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196752"/>
            <a:ext cx="7675200" cy="871200"/>
          </a:xfrm>
        </p:spPr>
        <p:txBody>
          <a:bodyPr anchor="b">
            <a:normAutofit/>
          </a:bodyPr>
          <a:lstStyle/>
          <a:p>
            <a:pPr>
              <a:lnSpc>
                <a:spcPct val="90000"/>
              </a:lnSpc>
            </a:pPr>
            <a:r>
              <a:rPr lang="en-US" sz="3700" dirty="0" err="1"/>
              <a:t>Waarom</a:t>
            </a:r>
            <a:r>
              <a:rPr lang="en-US" sz="3700" dirty="0"/>
              <a:t> de MA GIB, wat is </a:t>
            </a:r>
            <a:r>
              <a:rPr lang="en-US" sz="3700" dirty="0" err="1"/>
              <a:t>ons</a:t>
            </a:r>
            <a:r>
              <a:rPr lang="en-US" sz="3700" dirty="0"/>
              <a:t> </a:t>
            </a:r>
            <a:r>
              <a:rPr lang="en-US" sz="3700" dirty="0" err="1"/>
              <a:t>doel</a:t>
            </a:r>
            <a:r>
              <a:rPr lang="en-US" sz="3700" dirty="0"/>
              <a:t>?</a:t>
            </a:r>
            <a:endParaRPr lang="nl-NL" sz="3700" dirty="0"/>
          </a:p>
        </p:txBody>
      </p:sp>
      <p:pic>
        <p:nvPicPr>
          <p:cNvPr id="6" name="Picture Placeholder 5" descr="A group of people sitting outside&#10;&#10;Description automatically generated with medium confidence">
            <a:extLst>
              <a:ext uri="{FF2B5EF4-FFF2-40B4-BE49-F238E27FC236}">
                <a16:creationId xmlns:a16="http://schemas.microsoft.com/office/drawing/2014/main" id="{A7E52EEC-6958-4553-B0CB-FC294ABB7718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2410" r="13856"/>
          <a:stretch/>
        </p:blipFill>
        <p:spPr>
          <a:xfrm>
            <a:off x="8751149" y="0"/>
            <a:ext cx="3470275" cy="6858000"/>
          </a:xfr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7BBE39E-FFCC-EDA5-A75E-06FAA79B5DB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4350" y="2564904"/>
            <a:ext cx="8173938" cy="4176464"/>
          </a:xfrm>
        </p:spPr>
        <p:txBody>
          <a:bodyPr>
            <a:normAutofit/>
          </a:bodyPr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sz="3200" dirty="0" err="1"/>
              <a:t>Kennis</a:t>
            </a:r>
            <a:r>
              <a:rPr lang="en-US" sz="3200" dirty="0"/>
              <a:t> </a:t>
            </a:r>
            <a:r>
              <a:rPr lang="en-US" sz="3200" dirty="0" err="1"/>
              <a:t>en</a:t>
            </a:r>
            <a:r>
              <a:rPr lang="en-US" sz="3200" dirty="0"/>
              <a:t> </a:t>
            </a:r>
            <a:r>
              <a:rPr lang="en-US" sz="3200" dirty="0" err="1"/>
              <a:t>inzicht</a:t>
            </a:r>
            <a:r>
              <a:rPr lang="en-US" sz="3200" dirty="0"/>
              <a:t> in </a:t>
            </a:r>
            <a:r>
              <a:rPr lang="en-US" sz="3200" dirty="0" err="1"/>
              <a:t>Geschiedenis</a:t>
            </a:r>
            <a:r>
              <a:rPr lang="en-US" sz="3200" dirty="0"/>
              <a:t> IB (</a:t>
            </a:r>
            <a:r>
              <a:rPr lang="en-US" sz="3200" dirty="0" err="1"/>
              <a:t>als</a:t>
            </a:r>
            <a:r>
              <a:rPr lang="en-US" sz="3200" dirty="0"/>
              <a:t> </a:t>
            </a:r>
            <a:r>
              <a:rPr lang="en-US" sz="3200" dirty="0" err="1"/>
              <a:t>vakgebied</a:t>
            </a:r>
            <a:r>
              <a:rPr lang="en-US" sz="3200" dirty="0"/>
              <a:t>)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sz="3200" dirty="0"/>
              <a:t>Goede </a:t>
            </a:r>
            <a:r>
              <a:rPr lang="en-US" sz="3200" dirty="0" err="1"/>
              <a:t>onderzoekers</a:t>
            </a:r>
            <a:r>
              <a:rPr lang="en-US" sz="3200" dirty="0"/>
              <a:t> </a:t>
            </a:r>
            <a:r>
              <a:rPr lang="en-US" sz="3200" dirty="0" err="1"/>
              <a:t>en</a:t>
            </a:r>
            <a:r>
              <a:rPr lang="en-US" sz="3200" dirty="0"/>
              <a:t> </a:t>
            </a:r>
            <a:r>
              <a:rPr lang="en-US" sz="3200" dirty="0" err="1"/>
              <a:t>persoonlijke</a:t>
            </a:r>
            <a:r>
              <a:rPr lang="en-US" sz="3200" dirty="0"/>
              <a:t> </a:t>
            </a:r>
            <a:r>
              <a:rPr lang="en-US" sz="3200" dirty="0" err="1"/>
              <a:t>ontwikkeling</a:t>
            </a:r>
            <a:endParaRPr lang="en-US" sz="3200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sz="3200" dirty="0" err="1"/>
              <a:t>Voorbereiden</a:t>
            </a:r>
            <a:r>
              <a:rPr lang="en-US" sz="3200" dirty="0"/>
              <a:t> op de </a:t>
            </a:r>
            <a:r>
              <a:rPr lang="en-US" sz="3200" dirty="0" err="1"/>
              <a:t>praktijk</a:t>
            </a:r>
            <a:r>
              <a:rPr lang="en-US" sz="3200" dirty="0"/>
              <a:t> </a:t>
            </a:r>
            <a:r>
              <a:rPr lang="en-US" sz="3200" dirty="0" err="1"/>
              <a:t>en</a:t>
            </a:r>
            <a:r>
              <a:rPr lang="en-US" sz="3200" dirty="0"/>
              <a:t> de </a:t>
            </a:r>
            <a:r>
              <a:rPr lang="en-US" sz="3200" dirty="0" err="1"/>
              <a:t>toekomst</a:t>
            </a:r>
            <a:r>
              <a:rPr lang="en-US" sz="3200" dirty="0"/>
              <a:t>: wat </a:t>
            </a:r>
            <a:r>
              <a:rPr lang="en-US" sz="3200" dirty="0" err="1"/>
              <a:t>te</a:t>
            </a:r>
            <a:r>
              <a:rPr lang="en-US" sz="3200" dirty="0"/>
              <a:t> </a:t>
            </a:r>
            <a:r>
              <a:rPr lang="en-US" sz="3200" dirty="0" err="1"/>
              <a:t>doen</a:t>
            </a:r>
            <a:r>
              <a:rPr lang="en-US" sz="3200" dirty="0"/>
              <a:t> met </a:t>
            </a:r>
            <a:r>
              <a:rPr lang="en-US" sz="3200" dirty="0" err="1"/>
              <a:t>en</a:t>
            </a:r>
            <a:r>
              <a:rPr lang="en-US" sz="3200" dirty="0"/>
              <a:t> </a:t>
            </a:r>
            <a:r>
              <a:rPr lang="en-US" sz="3200" dirty="0" err="1"/>
              <a:t>na</a:t>
            </a:r>
            <a:r>
              <a:rPr lang="en-US" sz="3200" dirty="0"/>
              <a:t> je MA?</a:t>
            </a:r>
          </a:p>
          <a:p>
            <a:pPr marL="180000" lvl="1" indent="0">
              <a:buNone/>
            </a:pPr>
            <a:endParaRPr lang="en-US" sz="2600" dirty="0"/>
          </a:p>
          <a:p>
            <a:endParaRPr lang="nl-NL" sz="1700" dirty="0"/>
          </a:p>
        </p:txBody>
      </p:sp>
      <p:sp>
        <p:nvSpPr>
          <p:cNvPr id="3" name="Slide Number Placeholder 2" hidden="1">
            <a:extLst>
              <a:ext uri="{FF2B5EF4-FFF2-40B4-BE49-F238E27FC236}">
                <a16:creationId xmlns:a16="http://schemas.microsoft.com/office/drawing/2014/main" id="{4205A013-CCAB-77FC-4CDF-A3D118B7C3D8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pPr>
              <a:spcAft>
                <a:spcPts val="600"/>
              </a:spcAft>
            </a:pPr>
            <a:fld id="{C001BC01-09AE-4334-B3B9-34CD6B0AB683}" type="slidenum">
              <a:rPr lang="nl-NL" smtClean="0"/>
              <a:pPr>
                <a:spcAft>
                  <a:spcPts val="600"/>
                </a:spcAft>
              </a:pPr>
              <a:t>3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1444233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5EB4D5-AB87-A85E-CF53-6A12FC0105C7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6" name="Picture Placeholder 9">
            <a:extLst>
              <a:ext uri="{FF2B5EF4-FFF2-40B4-BE49-F238E27FC236}">
                <a16:creationId xmlns:a16="http://schemas.microsoft.com/office/drawing/2014/main" id="{6E952571-F697-687E-67D9-19D086248F8A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58" b="7942"/>
          <a:stretch/>
        </p:blipFill>
        <p:spPr>
          <a:xfrm>
            <a:off x="222504" y="682091"/>
            <a:ext cx="10914055" cy="5394710"/>
          </a:xfrm>
          <a:prstGeom prst="rect">
            <a:avLst/>
          </a:prstGeom>
          <a:solidFill>
            <a:schemeClr val="accent1">
              <a:tint val="20000"/>
            </a:schemeClr>
          </a:solidFill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1420D1-6F43-5497-D887-D82B2247339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4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D699F84-4E19-49D5-4595-52DB075ADF1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416" y="692696"/>
            <a:ext cx="6984776" cy="1547135"/>
          </a:xfrm>
        </p:spPr>
        <p:txBody>
          <a:bodyPr/>
          <a:lstStyle/>
          <a:p>
            <a:r>
              <a:rPr lang="en-GB" dirty="0"/>
              <a:t>Hoe </a:t>
            </a:r>
            <a:r>
              <a:rPr lang="en-GB" dirty="0" err="1"/>
              <a:t>willen</a:t>
            </a:r>
            <a:r>
              <a:rPr lang="en-GB" dirty="0"/>
              <a:t> we </a:t>
            </a:r>
            <a:r>
              <a:rPr lang="en-GB" dirty="0" err="1"/>
              <a:t>dit</a:t>
            </a:r>
            <a:r>
              <a:rPr lang="en-GB" dirty="0"/>
              <a:t> </a:t>
            </a:r>
            <a:r>
              <a:rPr lang="en-GB" dirty="0" err="1"/>
              <a:t>bereiken</a:t>
            </a:r>
            <a:r>
              <a:rPr lang="en-GB" dirty="0"/>
              <a:t>?</a:t>
            </a:r>
            <a:endParaRPr lang="nl-NL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597C65E-6672-FB04-F0D6-7274B0C7508F}"/>
              </a:ext>
            </a:extLst>
          </p:cNvPr>
          <p:cNvSpPr txBox="1"/>
          <p:nvPr/>
        </p:nvSpPr>
        <p:spPr>
          <a:xfrm>
            <a:off x="654685" y="6143859"/>
            <a:ext cx="3949429" cy="101566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First working session of the Judicial meeting in the Interdepartmental Auditorium, Washington D.C, 8 </a:t>
            </a:r>
            <a:r>
              <a:rPr lang="en-US" sz="1400" b="1" dirty="0"/>
              <a:t>April 1945</a:t>
            </a:r>
            <a:r>
              <a:rPr lang="en-US" sz="1400" dirty="0"/>
              <a:t>. Photo: ©UN Photo/Lundquist</a:t>
            </a:r>
          </a:p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9342970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8E6B566-80B4-2AE2-C4E4-FD4FB9E789F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C001BC01-09AE-4334-B3B9-34CD6B0AB683}" type="slidenum">
              <a:rPr lang="nl-NL" smtClean="0"/>
              <a:pPr>
                <a:spcAft>
                  <a:spcPts val="600"/>
                </a:spcAft>
              </a:pPr>
              <a:t>5</a:t>
            </a:fld>
            <a:endParaRPr lang="nl-NL"/>
          </a:p>
        </p:txBody>
      </p:sp>
      <p:sp>
        <p:nvSpPr>
          <p:cNvPr id="2" name="Ovaal 6">
            <a:extLst>
              <a:ext uri="{FF2B5EF4-FFF2-40B4-BE49-F238E27FC236}">
                <a16:creationId xmlns:a16="http://schemas.microsoft.com/office/drawing/2014/main" id="{3003E23A-F576-FA8D-A0C2-87BCAE84894F}"/>
              </a:ext>
            </a:extLst>
          </p:cNvPr>
          <p:cNvSpPr/>
          <p:nvPr/>
        </p:nvSpPr>
        <p:spPr>
          <a:xfrm>
            <a:off x="5029200" y="1772816"/>
            <a:ext cx="2133600" cy="1066800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>
            <a:solidFill>
              <a:schemeClr val="tx1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 err="1">
                <a:solidFill>
                  <a:schemeClr val="tx1"/>
                </a:solidFill>
              </a:rPr>
              <a:t>Staat</a:t>
            </a: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3" name="Tijdelijke aanduiding voor tekst 12">
            <a:extLst>
              <a:ext uri="{FF2B5EF4-FFF2-40B4-BE49-F238E27FC236}">
                <a16:creationId xmlns:a16="http://schemas.microsoft.com/office/drawing/2014/main" id="{FED64F32-32C1-15EF-71D5-C404080B9645}"/>
              </a:ext>
            </a:extLst>
          </p:cNvPr>
          <p:cNvSpPr txBox="1">
            <a:spLocks/>
          </p:cNvSpPr>
          <p:nvPr/>
        </p:nvSpPr>
        <p:spPr>
          <a:xfrm>
            <a:off x="2647951" y="3545137"/>
            <a:ext cx="2381249" cy="1090317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12700" cap="flat" cmpd="sng" algn="ctr">
            <a:solidFill>
              <a:schemeClr val="tx1"/>
            </a:solidFill>
            <a:prstDash val="solid"/>
            <a:miter lim="800000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>
            <a:lvl1pPr marL="1764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3564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rgbClr val="1A1A20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5328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rgbClr val="1A1A20"/>
              </a:buClr>
              <a:buFont typeface="Symbol" panose="05050102010706020507" pitchFamily="18" charset="2"/>
              <a:buChar char="-"/>
              <a:defRPr sz="16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accent2"/>
              </a:buClr>
              <a:buFont typeface="Symbol" panose="05050102010706020507" pitchFamily="18" charset="2"/>
              <a:buNone/>
              <a:defRPr sz="1600" b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None/>
              <a:defRPr sz="2000" b="1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accent2"/>
              </a:buClr>
              <a:buFont typeface="Arial" panose="020B0604020202020204" pitchFamily="34" charset="0"/>
              <a:buNone/>
              <a:defRPr sz="2000" b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6pPr>
            <a:lvl7pPr marL="342000" indent="-3429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tx1"/>
              </a:buClr>
              <a:buFont typeface="+mj-lt"/>
              <a:buAutoNum type="arabicPeriod"/>
              <a:defRPr sz="16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7pPr>
            <a:lvl8pPr marL="342900" indent="-3429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+mj-lt"/>
              <a:buAutoNum type="alphaLcPeriod"/>
              <a:defRPr sz="1600" b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8pPr>
            <a:lvl9pPr marL="540000" indent="-1800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b="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US" sz="1800" dirty="0" err="1">
                <a:solidFill>
                  <a:schemeClr val="tx1"/>
                </a:solidFill>
              </a:rPr>
              <a:t>Staat</a:t>
            </a:r>
            <a:r>
              <a:rPr lang="en-US" sz="1800" dirty="0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9" name="Tijdelijke aanduiding voor tekst 12">
            <a:extLst>
              <a:ext uri="{FF2B5EF4-FFF2-40B4-BE49-F238E27FC236}">
                <a16:creationId xmlns:a16="http://schemas.microsoft.com/office/drawing/2014/main" id="{6BF44EB9-A3B2-EE16-484A-9FA2E1F904CC}"/>
              </a:ext>
            </a:extLst>
          </p:cNvPr>
          <p:cNvSpPr txBox="1">
            <a:spLocks/>
          </p:cNvSpPr>
          <p:nvPr/>
        </p:nvSpPr>
        <p:spPr>
          <a:xfrm>
            <a:off x="7162800" y="3545137"/>
            <a:ext cx="2381249" cy="1090317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12700" cap="flat" cmpd="sng" algn="ctr">
            <a:solidFill>
              <a:schemeClr val="tx1"/>
            </a:solidFill>
            <a:prstDash val="solid"/>
            <a:miter lim="800000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>
            <a:lvl1pPr marL="1764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3564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rgbClr val="1A1A20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532800" indent="-1764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rgbClr val="1A1A20"/>
              </a:buClr>
              <a:buFont typeface="Symbol" panose="05050102010706020507" pitchFamily="18" charset="2"/>
              <a:buChar char="-"/>
              <a:defRPr sz="16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accent2"/>
              </a:buClr>
              <a:buFont typeface="Symbol" panose="05050102010706020507" pitchFamily="18" charset="2"/>
              <a:buNone/>
              <a:defRPr sz="1600" b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None/>
              <a:defRPr sz="2000" b="1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accent2"/>
              </a:buClr>
              <a:buFont typeface="Arial" panose="020B0604020202020204" pitchFamily="34" charset="0"/>
              <a:buNone/>
              <a:defRPr sz="2000" b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6pPr>
            <a:lvl7pPr marL="342000" indent="-3429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>
                <a:schemeClr val="tx1"/>
              </a:buClr>
              <a:buFont typeface="+mj-lt"/>
              <a:buAutoNum type="arabicPeriod"/>
              <a:defRPr sz="16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7pPr>
            <a:lvl8pPr marL="342900" indent="-3429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+mj-lt"/>
              <a:buAutoNum type="alphaLcPeriod"/>
              <a:defRPr sz="1600" b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8pPr>
            <a:lvl9pPr marL="540000" indent="-180000" algn="l" defTabSz="914400" rtl="0" eaLnBrk="1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b="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US" sz="1800" dirty="0" err="1">
                <a:solidFill>
                  <a:schemeClr val="tx1"/>
                </a:solidFill>
              </a:rPr>
              <a:t>Staat</a:t>
            </a:r>
            <a:r>
              <a:rPr lang="en-US" sz="1800" dirty="0">
                <a:solidFill>
                  <a:schemeClr val="tx1"/>
                </a:solidFill>
              </a:rPr>
              <a:t> </a:t>
            </a:r>
          </a:p>
        </p:txBody>
      </p:sp>
      <p:cxnSp>
        <p:nvCxnSpPr>
          <p:cNvPr id="10" name="Rechte verbindingslijn met pijl 17">
            <a:extLst>
              <a:ext uri="{FF2B5EF4-FFF2-40B4-BE49-F238E27FC236}">
                <a16:creationId xmlns:a16="http://schemas.microsoft.com/office/drawing/2014/main" id="{F8BFAF27-FEBC-6050-7930-7C22EF5B3316}"/>
              </a:ext>
            </a:extLst>
          </p:cNvPr>
          <p:cNvCxnSpPr/>
          <p:nvPr/>
        </p:nvCxnSpPr>
        <p:spPr>
          <a:xfrm flipH="1">
            <a:off x="4216400" y="2779463"/>
            <a:ext cx="812800" cy="5334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Rechte verbindingslijn met pijl 15">
            <a:extLst>
              <a:ext uri="{FF2B5EF4-FFF2-40B4-BE49-F238E27FC236}">
                <a16:creationId xmlns:a16="http://schemas.microsoft.com/office/drawing/2014/main" id="{BBF25CF2-945D-C2B1-449D-653B258F95B8}"/>
              </a:ext>
            </a:extLst>
          </p:cNvPr>
          <p:cNvCxnSpPr/>
          <p:nvPr/>
        </p:nvCxnSpPr>
        <p:spPr>
          <a:xfrm flipV="1">
            <a:off x="4511824" y="2938489"/>
            <a:ext cx="743568" cy="507775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Rechte verbindingslijn met pijl 23">
            <a:extLst>
              <a:ext uri="{FF2B5EF4-FFF2-40B4-BE49-F238E27FC236}">
                <a16:creationId xmlns:a16="http://schemas.microsoft.com/office/drawing/2014/main" id="{0C264D77-8F29-359F-52F5-23C27D383C1C}"/>
              </a:ext>
            </a:extLst>
          </p:cNvPr>
          <p:cNvCxnSpPr>
            <a:cxnSpLocks/>
          </p:cNvCxnSpPr>
          <p:nvPr/>
        </p:nvCxnSpPr>
        <p:spPr>
          <a:xfrm flipH="1">
            <a:off x="5211192" y="3933056"/>
            <a:ext cx="1786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Rechte verbindingslijn met pijl 25">
            <a:extLst>
              <a:ext uri="{FF2B5EF4-FFF2-40B4-BE49-F238E27FC236}">
                <a16:creationId xmlns:a16="http://schemas.microsoft.com/office/drawing/2014/main" id="{7634B62E-9FC6-0340-2653-CCC572AB3382}"/>
              </a:ext>
            </a:extLst>
          </p:cNvPr>
          <p:cNvCxnSpPr>
            <a:cxnSpLocks/>
          </p:cNvCxnSpPr>
          <p:nvPr/>
        </p:nvCxnSpPr>
        <p:spPr>
          <a:xfrm>
            <a:off x="5255392" y="4293096"/>
            <a:ext cx="17426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Rechte verbindingslijn met pijl 17">
            <a:extLst>
              <a:ext uri="{FF2B5EF4-FFF2-40B4-BE49-F238E27FC236}">
                <a16:creationId xmlns:a16="http://schemas.microsoft.com/office/drawing/2014/main" id="{898CA321-2B4A-9A46-CD7B-EB8B3995DDE0}"/>
              </a:ext>
            </a:extLst>
          </p:cNvPr>
          <p:cNvCxnSpPr>
            <a:cxnSpLocks/>
          </p:cNvCxnSpPr>
          <p:nvPr/>
        </p:nvCxnSpPr>
        <p:spPr>
          <a:xfrm>
            <a:off x="7162800" y="2779463"/>
            <a:ext cx="812800" cy="5334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Rechte verbindingslijn met pijl 15">
            <a:extLst>
              <a:ext uri="{FF2B5EF4-FFF2-40B4-BE49-F238E27FC236}">
                <a16:creationId xmlns:a16="http://schemas.microsoft.com/office/drawing/2014/main" id="{55C0E3A6-878D-3963-C085-2D58ACD05E51}"/>
              </a:ext>
            </a:extLst>
          </p:cNvPr>
          <p:cNvCxnSpPr>
            <a:cxnSpLocks/>
          </p:cNvCxnSpPr>
          <p:nvPr/>
        </p:nvCxnSpPr>
        <p:spPr>
          <a:xfrm flipH="1" flipV="1">
            <a:off x="6936608" y="2945767"/>
            <a:ext cx="743568" cy="507775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Ovaal 30">
            <a:extLst>
              <a:ext uri="{FF2B5EF4-FFF2-40B4-BE49-F238E27FC236}">
                <a16:creationId xmlns:a16="http://schemas.microsoft.com/office/drawing/2014/main" id="{36281417-05C5-B761-199F-66BE868398A9}"/>
              </a:ext>
            </a:extLst>
          </p:cNvPr>
          <p:cNvSpPr/>
          <p:nvPr/>
        </p:nvSpPr>
        <p:spPr>
          <a:xfrm>
            <a:off x="3200572" y="1420396"/>
            <a:ext cx="1711016" cy="853036"/>
          </a:xfrm>
          <a:prstGeom prst="ellipse">
            <a:avLst/>
          </a:prstGeom>
          <a:ln>
            <a:solidFill>
              <a:schemeClr val="tx1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Media</a:t>
            </a:r>
          </a:p>
        </p:txBody>
      </p:sp>
      <p:sp>
        <p:nvSpPr>
          <p:cNvPr id="22" name="Ovaal 31">
            <a:extLst>
              <a:ext uri="{FF2B5EF4-FFF2-40B4-BE49-F238E27FC236}">
                <a16:creationId xmlns:a16="http://schemas.microsoft.com/office/drawing/2014/main" id="{6EC0C7B9-70F2-3878-0283-8983455523EC}"/>
              </a:ext>
            </a:extLst>
          </p:cNvPr>
          <p:cNvSpPr/>
          <p:nvPr/>
        </p:nvSpPr>
        <p:spPr>
          <a:xfrm>
            <a:off x="7280412" y="1312834"/>
            <a:ext cx="2489200" cy="919963"/>
          </a:xfrm>
          <a:prstGeom prst="ellipse">
            <a:avLst/>
          </a:prstGeom>
          <a:ln>
            <a:solidFill>
              <a:schemeClr val="tx1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 err="1">
                <a:solidFill>
                  <a:schemeClr val="tx1"/>
                </a:solidFill>
              </a:rPr>
              <a:t>Vakbonden</a:t>
            </a: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3" name="Ovaal 34">
            <a:extLst>
              <a:ext uri="{FF2B5EF4-FFF2-40B4-BE49-F238E27FC236}">
                <a16:creationId xmlns:a16="http://schemas.microsoft.com/office/drawing/2014/main" id="{4EBFF054-B105-2336-8530-4C07956634B6}"/>
              </a:ext>
            </a:extLst>
          </p:cNvPr>
          <p:cNvSpPr/>
          <p:nvPr/>
        </p:nvSpPr>
        <p:spPr>
          <a:xfrm>
            <a:off x="9101206" y="2478337"/>
            <a:ext cx="2133600" cy="1066800"/>
          </a:xfrm>
          <a:prstGeom prst="ellipse">
            <a:avLst/>
          </a:prstGeom>
          <a:ln>
            <a:solidFill>
              <a:schemeClr val="tx1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 err="1">
                <a:solidFill>
                  <a:schemeClr val="tx1"/>
                </a:solidFill>
              </a:rPr>
              <a:t>Bedrijven</a:t>
            </a: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6" name="Ovaal 37">
            <a:extLst>
              <a:ext uri="{FF2B5EF4-FFF2-40B4-BE49-F238E27FC236}">
                <a16:creationId xmlns:a16="http://schemas.microsoft.com/office/drawing/2014/main" id="{820AB80B-2C64-B19C-757C-F3905890E2E3}"/>
              </a:ext>
            </a:extLst>
          </p:cNvPr>
          <p:cNvSpPr/>
          <p:nvPr/>
        </p:nvSpPr>
        <p:spPr>
          <a:xfrm>
            <a:off x="1700059" y="5018504"/>
            <a:ext cx="1895784" cy="838200"/>
          </a:xfrm>
          <a:prstGeom prst="ellipse">
            <a:avLst/>
          </a:prstGeom>
          <a:ln>
            <a:solidFill>
              <a:schemeClr val="tx1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 err="1">
                <a:solidFill>
                  <a:schemeClr val="tx1"/>
                </a:solidFill>
              </a:rPr>
              <a:t>Kerken</a:t>
            </a: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7" name="Ovaal 33">
            <a:extLst>
              <a:ext uri="{FF2B5EF4-FFF2-40B4-BE49-F238E27FC236}">
                <a16:creationId xmlns:a16="http://schemas.microsoft.com/office/drawing/2014/main" id="{4370FD42-065B-8D5F-72C1-796FF07C4D82}"/>
              </a:ext>
            </a:extLst>
          </p:cNvPr>
          <p:cNvSpPr/>
          <p:nvPr/>
        </p:nvSpPr>
        <p:spPr>
          <a:xfrm>
            <a:off x="5064652" y="4980404"/>
            <a:ext cx="2062696" cy="914400"/>
          </a:xfrm>
          <a:prstGeom prst="ellipse">
            <a:avLst/>
          </a:prstGeom>
          <a:ln>
            <a:solidFill>
              <a:schemeClr val="tx1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NGO’s </a:t>
            </a:r>
            <a:r>
              <a:rPr lang="en-US" dirty="0" err="1">
                <a:solidFill>
                  <a:schemeClr val="tx1"/>
                </a:solidFill>
              </a:rPr>
              <a:t>zoals</a:t>
            </a:r>
            <a:r>
              <a:rPr lang="en-US" dirty="0">
                <a:solidFill>
                  <a:schemeClr val="tx1"/>
                </a:solidFill>
              </a:rPr>
              <a:t> Amnesty</a:t>
            </a:r>
          </a:p>
        </p:txBody>
      </p:sp>
      <p:sp>
        <p:nvSpPr>
          <p:cNvPr id="28" name="Ovaal 35">
            <a:extLst>
              <a:ext uri="{FF2B5EF4-FFF2-40B4-BE49-F238E27FC236}">
                <a16:creationId xmlns:a16="http://schemas.microsoft.com/office/drawing/2014/main" id="{491B2ABB-9B75-FA82-F2D9-F78295176E31}"/>
              </a:ext>
            </a:extLst>
          </p:cNvPr>
          <p:cNvSpPr/>
          <p:nvPr/>
        </p:nvSpPr>
        <p:spPr>
          <a:xfrm>
            <a:off x="8596157" y="4934714"/>
            <a:ext cx="2381249" cy="1005780"/>
          </a:xfrm>
          <a:prstGeom prst="ellipse">
            <a:avLst/>
          </a:prstGeom>
          <a:ln>
            <a:solidFill>
              <a:schemeClr val="tx1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 err="1">
                <a:solidFill>
                  <a:schemeClr val="tx1"/>
                </a:solidFill>
              </a:rPr>
              <a:t>Wetenschap</a:t>
            </a: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9" name="Ovaal 32">
            <a:extLst>
              <a:ext uri="{FF2B5EF4-FFF2-40B4-BE49-F238E27FC236}">
                <a16:creationId xmlns:a16="http://schemas.microsoft.com/office/drawing/2014/main" id="{032B7816-B9E4-57A7-0317-42BBFA8BAADB}"/>
              </a:ext>
            </a:extLst>
          </p:cNvPr>
          <p:cNvSpPr/>
          <p:nvPr/>
        </p:nvSpPr>
        <p:spPr>
          <a:xfrm>
            <a:off x="957194" y="2462942"/>
            <a:ext cx="2133600" cy="990600"/>
          </a:xfrm>
          <a:prstGeom prst="ellipse">
            <a:avLst/>
          </a:prstGeom>
          <a:ln>
            <a:solidFill>
              <a:schemeClr val="tx1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 err="1">
                <a:solidFill>
                  <a:schemeClr val="tx1"/>
                </a:solidFill>
              </a:rPr>
              <a:t>Activisten</a:t>
            </a:r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4140838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7" fill="hold">
                            <p:stCondLst>
                              <p:cond delay="500"/>
                            </p:stCondLst>
                            <p:childTnLst>
                              <p:par>
                                <p:cTn id="8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0" fill="hold">
                            <p:stCondLst>
                              <p:cond delay="1000"/>
                            </p:stCondLst>
                            <p:childTnLst>
                              <p:par>
                                <p:cTn id="11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1500"/>
                            </p:stCondLst>
                            <p:childTnLst>
                              <p:par>
                                <p:cTn id="14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2000"/>
                            </p:stCondLst>
                            <p:childTnLst>
                              <p:par>
                                <p:cTn id="17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9" fill="hold">
                            <p:stCondLst>
                              <p:cond delay="2500"/>
                            </p:stCondLst>
                            <p:childTnLst>
                              <p:par>
                                <p:cTn id="20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2" fill="hold">
                            <p:stCondLst>
                              <p:cond delay="3000"/>
                            </p:stCondLst>
                            <p:childTnLst>
                              <p:par>
                                <p:cTn id="23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1" grpId="0" animBg="1"/>
      <p:bldP spid="22" grpId="0" animBg="1"/>
      <p:bldP spid="23" grpId="0" animBg="1"/>
      <p:bldP spid="26" grpId="0" animBg="1"/>
      <p:bldP spid="27" grpId="0" animBg="1"/>
      <p:bldP spid="28" grpId="0" animBg="1"/>
      <p:bldP spid="29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4A3D9F4-31C0-53EC-26D0-A906EA8EB6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AF525EC-8DB2-0E91-4490-DCB6E5F408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6</a:t>
            </a:fld>
            <a:endParaRPr lang="nl-NL" dirty="0"/>
          </a:p>
        </p:txBody>
      </p:sp>
      <p:pic>
        <p:nvPicPr>
          <p:cNvPr id="8" name="Picture 2">
            <a:extLst>
              <a:ext uri="{FF2B5EF4-FFF2-40B4-BE49-F238E27FC236}">
                <a16:creationId xmlns:a16="http://schemas.microsoft.com/office/drawing/2014/main" id="{C3B7FCB1-29B9-D833-D299-922CD370E13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56688" y="1231528"/>
            <a:ext cx="1682125" cy="162842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pic>
      <p:pic>
        <p:nvPicPr>
          <p:cNvPr id="9" name="Tijdelijke aanduiding voor inhoud 3">
            <a:extLst>
              <a:ext uri="{FF2B5EF4-FFF2-40B4-BE49-F238E27FC236}">
                <a16:creationId xmlns:a16="http://schemas.microsoft.com/office/drawing/2014/main" id="{02AEF930-EEA2-FC46-7BC0-BFFD2BBC6493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24433" y="820166"/>
            <a:ext cx="2428756" cy="1699417"/>
          </a:xfrm>
          <a:prstGeom prst="rect">
            <a:avLst/>
          </a:prstGeom>
          <a:solidFill>
            <a:schemeClr val="accent1">
              <a:tint val="20000"/>
            </a:schemeClr>
          </a:solidFill>
        </p:spPr>
      </p:pic>
      <p:pic>
        <p:nvPicPr>
          <p:cNvPr id="13" name="Afbeelding 13">
            <a:extLst>
              <a:ext uri="{FF2B5EF4-FFF2-40B4-BE49-F238E27FC236}">
                <a16:creationId xmlns:a16="http://schemas.microsoft.com/office/drawing/2014/main" id="{D3B72BC7-4C0D-B117-DB27-168413DAA6A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360" y="4190611"/>
            <a:ext cx="2948725" cy="1769235"/>
          </a:xfrm>
          <a:prstGeom prst="rect">
            <a:avLst/>
          </a:prstGeom>
        </p:spPr>
      </p:pic>
      <p:pic>
        <p:nvPicPr>
          <p:cNvPr id="14" name="Afbeelding 6">
            <a:extLst>
              <a:ext uri="{FF2B5EF4-FFF2-40B4-BE49-F238E27FC236}">
                <a16:creationId xmlns:a16="http://schemas.microsoft.com/office/drawing/2014/main" id="{85F9C9AF-796F-215B-3BE9-C85B6B1DC4CC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624" b="11437"/>
          <a:stretch/>
        </p:blipFill>
        <p:spPr>
          <a:xfrm>
            <a:off x="3485037" y="2983825"/>
            <a:ext cx="2653774" cy="3807097"/>
          </a:xfrm>
          <a:prstGeom prst="rect">
            <a:avLst/>
          </a:prstGeom>
        </p:spPr>
      </p:pic>
      <p:pic>
        <p:nvPicPr>
          <p:cNvPr id="11" name="Afbeelding 11">
            <a:extLst>
              <a:ext uri="{FF2B5EF4-FFF2-40B4-BE49-F238E27FC236}">
                <a16:creationId xmlns:a16="http://schemas.microsoft.com/office/drawing/2014/main" id="{C69B0191-3537-EA9E-9387-532575377A2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2770" y="898154"/>
            <a:ext cx="2948726" cy="1919948"/>
          </a:xfrm>
          <a:prstGeom prst="rect">
            <a:avLst/>
          </a:prstGeom>
        </p:spPr>
      </p:pic>
      <p:pic>
        <p:nvPicPr>
          <p:cNvPr id="6" name="Afbeelding 1">
            <a:extLst>
              <a:ext uri="{FF2B5EF4-FFF2-40B4-BE49-F238E27FC236}">
                <a16:creationId xmlns:a16="http://schemas.microsoft.com/office/drawing/2014/main" id="{7B6FA86C-5529-7E72-20DD-F9633C2B491D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73530" y="797523"/>
            <a:ext cx="3094974" cy="1752331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A4F7B8BD-AB55-94C9-210B-4BC18CCD04C9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28793" y="179525"/>
            <a:ext cx="1698340" cy="2454102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AD6A11A2-2224-F530-0FBA-85D1F310D16B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99301" y="2708920"/>
            <a:ext cx="3257339" cy="1954403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8DB636D-BE5B-5AD5-0C69-2DEEACEE55C3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39763" y="4437112"/>
            <a:ext cx="3590400" cy="21271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0906374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0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3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6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9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22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3E8600-5159-4631-ADF0-0E4A799E23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850140"/>
            <a:ext cx="10045696" cy="898128"/>
          </a:xfrm>
        </p:spPr>
        <p:txBody>
          <a:bodyPr/>
          <a:lstStyle/>
          <a:p>
            <a:r>
              <a:rPr lang="en-US" sz="4400" dirty="0"/>
              <a:t>Hoe </a:t>
            </a:r>
            <a:r>
              <a:rPr lang="en-US" sz="4400" dirty="0" err="1"/>
              <a:t>willen</a:t>
            </a:r>
            <a:r>
              <a:rPr lang="en-US" sz="4400" dirty="0"/>
              <a:t> we </a:t>
            </a:r>
            <a:r>
              <a:rPr lang="en-US" sz="4400" dirty="0" err="1"/>
              <a:t>dit</a:t>
            </a:r>
            <a:r>
              <a:rPr lang="en-US" sz="4400" dirty="0"/>
              <a:t> </a:t>
            </a:r>
            <a:r>
              <a:rPr lang="en-US" sz="4400" dirty="0" err="1"/>
              <a:t>inhoudelijk</a:t>
            </a:r>
            <a:r>
              <a:rPr lang="en-US" sz="4400" dirty="0"/>
              <a:t> </a:t>
            </a:r>
            <a:r>
              <a:rPr lang="en-US" sz="4400" dirty="0" err="1"/>
              <a:t>bereiken</a:t>
            </a:r>
            <a:r>
              <a:rPr lang="en-US" sz="4400" dirty="0"/>
              <a:t>?</a:t>
            </a:r>
            <a:endParaRPr lang="nl-NL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69C80F6-B1B8-4D57-B305-D654BE8BFBF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89314" y="2060848"/>
            <a:ext cx="10910242" cy="3816424"/>
          </a:xfrm>
        </p:spPr>
        <p:txBody>
          <a:bodyPr/>
          <a:lstStyle/>
          <a:p>
            <a:pPr marL="457200" indent="-457200"/>
            <a:r>
              <a:rPr lang="en-US" sz="2800" dirty="0" err="1"/>
              <a:t>Bronnenonderzoek</a:t>
            </a:r>
            <a:r>
              <a:rPr lang="en-US" sz="2800" dirty="0"/>
              <a:t> </a:t>
            </a:r>
            <a:r>
              <a:rPr lang="en-US" sz="2800" dirty="0" err="1"/>
              <a:t>en</a:t>
            </a:r>
            <a:r>
              <a:rPr lang="en-US" sz="2800" dirty="0"/>
              <a:t> </a:t>
            </a:r>
            <a:r>
              <a:rPr lang="en-US" sz="2800" dirty="0" err="1"/>
              <a:t>historisch</a:t>
            </a:r>
            <a:r>
              <a:rPr lang="en-US" sz="2800" dirty="0"/>
              <a:t> </a:t>
            </a:r>
            <a:r>
              <a:rPr lang="en-US" sz="2800" dirty="0" err="1"/>
              <a:t>perspectief</a:t>
            </a:r>
            <a:endParaRPr lang="en-US" sz="2800" dirty="0"/>
          </a:p>
          <a:p>
            <a:pPr marL="457200" indent="-457200"/>
            <a:r>
              <a:rPr lang="en-US" sz="2800" dirty="0" err="1"/>
              <a:t>Geschiedenis</a:t>
            </a:r>
            <a:r>
              <a:rPr lang="en-US" sz="2800" dirty="0"/>
              <a:t> IB &lt; - &gt; </a:t>
            </a:r>
            <a:r>
              <a:rPr lang="en-US" sz="2800" dirty="0" err="1"/>
              <a:t>Internationale</a:t>
            </a:r>
            <a:r>
              <a:rPr lang="en-US" sz="2800" dirty="0"/>
              <a:t> </a:t>
            </a:r>
            <a:r>
              <a:rPr lang="en-US" sz="2800" dirty="0" err="1"/>
              <a:t>Betrekkingen</a:t>
            </a:r>
            <a:r>
              <a:rPr lang="en-US" sz="2800" dirty="0"/>
              <a:t> (</a:t>
            </a:r>
            <a:r>
              <a:rPr lang="en-US" sz="2800" dirty="0" err="1"/>
              <a:t>politicologie</a:t>
            </a:r>
            <a:r>
              <a:rPr lang="en-US" sz="2800" dirty="0"/>
              <a:t>)</a:t>
            </a:r>
          </a:p>
          <a:p>
            <a:pPr marL="457200" indent="-457200"/>
            <a:r>
              <a:rPr lang="en-US" sz="2800" dirty="0"/>
              <a:t>Rode </a:t>
            </a:r>
            <a:r>
              <a:rPr lang="en-US" sz="2800" dirty="0" err="1"/>
              <a:t>draad</a:t>
            </a:r>
            <a:r>
              <a:rPr lang="en-US" sz="2800" dirty="0"/>
              <a:t> = </a:t>
            </a:r>
            <a:r>
              <a:rPr lang="en-US" sz="2800" dirty="0" err="1"/>
              <a:t>bevragen</a:t>
            </a:r>
            <a:r>
              <a:rPr lang="en-US" sz="2800" dirty="0"/>
              <a:t> </a:t>
            </a:r>
            <a:r>
              <a:rPr lang="en-US" sz="2800" dirty="0" err="1"/>
              <a:t>en</a:t>
            </a:r>
            <a:r>
              <a:rPr lang="en-US" sz="2800" dirty="0"/>
              <a:t> </a:t>
            </a:r>
            <a:r>
              <a:rPr lang="en-US" sz="2800" dirty="0" err="1"/>
              <a:t>doorbreken</a:t>
            </a:r>
            <a:r>
              <a:rPr lang="en-US" sz="2800" dirty="0"/>
              <a:t> </a:t>
            </a:r>
            <a:r>
              <a:rPr lang="en-US" sz="2800" dirty="0" err="1"/>
              <a:t>dominantie</a:t>
            </a:r>
            <a:r>
              <a:rPr lang="en-US" sz="2800" dirty="0"/>
              <a:t> </a:t>
            </a:r>
            <a:r>
              <a:rPr lang="en-US" sz="2800" b="1" dirty="0" err="1"/>
              <a:t>natiestaat</a:t>
            </a:r>
            <a:r>
              <a:rPr lang="en-US" sz="2800" dirty="0"/>
              <a:t> in het </a:t>
            </a:r>
            <a:r>
              <a:rPr lang="en-US" sz="2800" dirty="0" err="1"/>
              <a:t>onderzoek</a:t>
            </a:r>
            <a:r>
              <a:rPr lang="en-US" sz="2800" dirty="0"/>
              <a:t> </a:t>
            </a:r>
          </a:p>
          <a:p>
            <a:pPr marL="457200" indent="-457200"/>
            <a:endParaRPr lang="en-US" sz="2800" dirty="0"/>
          </a:p>
          <a:p>
            <a:pPr marL="0" indent="0">
              <a:buNone/>
            </a:pPr>
            <a:r>
              <a:rPr lang="en-US" sz="2800" dirty="0"/>
              <a:t>	</a:t>
            </a:r>
            <a:r>
              <a:rPr lang="en-US" sz="2800" i="1" dirty="0"/>
              <a:t>-&gt; </a:t>
            </a:r>
            <a:r>
              <a:rPr lang="en-US" sz="2800" i="1" dirty="0" err="1"/>
              <a:t>transnationaal</a:t>
            </a:r>
            <a:r>
              <a:rPr lang="en-US" sz="2800" i="1" dirty="0"/>
              <a:t> (</a:t>
            </a:r>
            <a:r>
              <a:rPr lang="en-US" sz="2800" i="1" dirty="0" err="1"/>
              <a:t>andere</a:t>
            </a:r>
            <a:r>
              <a:rPr lang="en-US" sz="2800" i="1" dirty="0"/>
              <a:t> </a:t>
            </a:r>
            <a:r>
              <a:rPr lang="en-US" sz="2800" i="1" dirty="0" err="1"/>
              <a:t>spelers</a:t>
            </a:r>
            <a:r>
              <a:rPr lang="en-US" sz="2800" i="1" dirty="0"/>
              <a:t>)</a:t>
            </a:r>
          </a:p>
          <a:p>
            <a:pPr marL="0" indent="0">
              <a:buNone/>
            </a:pPr>
            <a:r>
              <a:rPr lang="en-US" sz="2800" i="1" dirty="0"/>
              <a:t>	-&gt; </a:t>
            </a:r>
            <a:r>
              <a:rPr lang="en-US" sz="2800" i="1" dirty="0" err="1"/>
              <a:t>niet</a:t>
            </a:r>
            <a:r>
              <a:rPr lang="en-US" sz="2800" i="1" dirty="0"/>
              <a:t> </a:t>
            </a:r>
            <a:r>
              <a:rPr lang="en-US" sz="2800" i="1" dirty="0" err="1"/>
              <a:t>alleen</a:t>
            </a:r>
            <a:r>
              <a:rPr lang="en-US" sz="2800" i="1" dirty="0"/>
              <a:t> </a:t>
            </a:r>
            <a:r>
              <a:rPr lang="en-US" sz="2800" i="1" dirty="0" err="1"/>
              <a:t>politiek</a:t>
            </a:r>
            <a:r>
              <a:rPr lang="en-US" sz="2800" i="1" dirty="0"/>
              <a:t>, maar </a:t>
            </a:r>
            <a:r>
              <a:rPr lang="en-US" sz="2800" i="1" dirty="0" err="1"/>
              <a:t>ook</a:t>
            </a:r>
            <a:r>
              <a:rPr lang="en-US" sz="2800" i="1" dirty="0"/>
              <a:t> </a:t>
            </a:r>
            <a:r>
              <a:rPr lang="en-US" sz="2800" i="1" dirty="0" err="1"/>
              <a:t>cultuur</a:t>
            </a:r>
            <a:r>
              <a:rPr lang="en-US" sz="2800" i="1" dirty="0"/>
              <a:t> </a:t>
            </a:r>
            <a:r>
              <a:rPr lang="en-US" sz="2800" i="1" dirty="0" err="1"/>
              <a:t>en</a:t>
            </a:r>
            <a:r>
              <a:rPr lang="en-US" sz="2800" i="1" dirty="0"/>
              <a:t> </a:t>
            </a:r>
            <a:r>
              <a:rPr lang="en-US" sz="2800" i="1" dirty="0" err="1"/>
              <a:t>idealen</a:t>
            </a:r>
            <a:endParaRPr lang="en-US" sz="2800" i="1" dirty="0"/>
          </a:p>
          <a:p>
            <a:pPr marL="0" indent="0">
              <a:buNone/>
            </a:pPr>
            <a:r>
              <a:rPr lang="en-US" sz="2800" i="1" dirty="0"/>
              <a:t>	-&gt; </a:t>
            </a:r>
            <a:r>
              <a:rPr lang="en-US" sz="2800" i="1" dirty="0" err="1"/>
              <a:t>invloed</a:t>
            </a:r>
            <a:r>
              <a:rPr lang="en-US" sz="2800" i="1" dirty="0"/>
              <a:t> </a:t>
            </a:r>
            <a:r>
              <a:rPr lang="en-US" sz="2800" i="1" dirty="0" err="1"/>
              <a:t>beeldvorming</a:t>
            </a:r>
            <a:r>
              <a:rPr lang="en-US" sz="2800" i="1" dirty="0"/>
              <a:t> (media, propaganda)</a:t>
            </a:r>
          </a:p>
          <a:p>
            <a:pPr marL="0" indent="0">
              <a:buNone/>
            </a:pPr>
            <a:r>
              <a:rPr lang="en-US" sz="2800" i="1" dirty="0"/>
              <a:t>	</a:t>
            </a:r>
            <a:endParaRPr lang="nl-NL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6248FF8-A5B7-4E9B-9797-82CE3BD04F8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A7CA329-55F9-48AE-892A-E147DF8766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7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1811534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A80FE4-2438-BBD9-E7AA-ECAAA0AA86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350" y="460549"/>
            <a:ext cx="8605536" cy="1413232"/>
          </a:xfrm>
        </p:spPr>
        <p:txBody>
          <a:bodyPr/>
          <a:lstStyle/>
          <a:p>
            <a:r>
              <a:rPr lang="en-US" dirty="0"/>
              <a:t>Hoe </a:t>
            </a:r>
            <a:r>
              <a:rPr lang="en-US" dirty="0" err="1"/>
              <a:t>willen</a:t>
            </a:r>
            <a:r>
              <a:rPr lang="en-US" dirty="0"/>
              <a:t> </a:t>
            </a:r>
            <a:r>
              <a:rPr lang="en-US" dirty="0" err="1"/>
              <a:t>dit</a:t>
            </a:r>
            <a:r>
              <a:rPr lang="en-US" dirty="0"/>
              <a:t> </a:t>
            </a:r>
            <a:r>
              <a:rPr lang="en-US" dirty="0" err="1"/>
              <a:t>praktisch</a:t>
            </a:r>
            <a:r>
              <a:rPr lang="en-US" dirty="0"/>
              <a:t> </a:t>
            </a:r>
            <a:r>
              <a:rPr lang="en-US" dirty="0" err="1"/>
              <a:t>bereiken</a:t>
            </a:r>
            <a:r>
              <a:rPr lang="en-US" dirty="0"/>
              <a:t>?</a:t>
            </a:r>
            <a:endParaRPr lang="nl-NL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388E7B2-4014-08E6-919A-909EB18360D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7145" y="2276872"/>
            <a:ext cx="8173938" cy="3528392"/>
          </a:xfrm>
        </p:spPr>
        <p:txBody>
          <a:bodyPr/>
          <a:lstStyle/>
          <a:p>
            <a:pPr marL="457200" indent="-457200">
              <a:lnSpc>
                <a:spcPct val="150000"/>
              </a:lnSpc>
            </a:pPr>
            <a:r>
              <a:rPr lang="en-US" sz="2400" b="1" dirty="0" err="1"/>
              <a:t>Gezamenlijk</a:t>
            </a:r>
            <a:r>
              <a:rPr lang="en-US" sz="2400" dirty="0"/>
              <a:t> </a:t>
            </a:r>
            <a:r>
              <a:rPr lang="en-US" sz="2400" dirty="0" err="1"/>
              <a:t>basisprogramma</a:t>
            </a:r>
            <a:r>
              <a:rPr lang="en-US" sz="2400" dirty="0"/>
              <a:t> in semester I (twee </a:t>
            </a:r>
            <a:r>
              <a:rPr lang="en-US" sz="2400" dirty="0" err="1"/>
              <a:t>vakken</a:t>
            </a:r>
            <a:r>
              <a:rPr lang="en-US" sz="2400" dirty="0"/>
              <a:t>)</a:t>
            </a:r>
          </a:p>
          <a:p>
            <a:pPr marL="457200" indent="-457200">
              <a:lnSpc>
                <a:spcPct val="150000"/>
              </a:lnSpc>
            </a:pPr>
            <a:r>
              <a:rPr lang="en-US" sz="2400" dirty="0" err="1"/>
              <a:t>Aandacht</a:t>
            </a:r>
            <a:r>
              <a:rPr lang="en-US" sz="2400" dirty="0"/>
              <a:t> </a:t>
            </a:r>
            <a:r>
              <a:rPr lang="en-US" sz="2400" dirty="0" err="1"/>
              <a:t>voor</a:t>
            </a:r>
            <a:r>
              <a:rPr lang="en-US" sz="2400" dirty="0"/>
              <a:t> de </a:t>
            </a:r>
            <a:r>
              <a:rPr lang="en-US" sz="2400" b="1" dirty="0" err="1"/>
              <a:t>praktijk</a:t>
            </a:r>
            <a:r>
              <a:rPr lang="en-US" sz="2400" dirty="0"/>
              <a:t>: stage, </a:t>
            </a:r>
            <a:r>
              <a:rPr lang="en-US" sz="2400" dirty="0" err="1"/>
              <a:t>beleidsopdracht</a:t>
            </a:r>
            <a:r>
              <a:rPr lang="en-US" sz="2400" dirty="0"/>
              <a:t>, </a:t>
            </a:r>
            <a:r>
              <a:rPr lang="en-US" sz="2400" dirty="0" err="1"/>
              <a:t>excursie</a:t>
            </a:r>
            <a:r>
              <a:rPr lang="en-US" sz="2400" dirty="0"/>
              <a:t>, </a:t>
            </a:r>
            <a:r>
              <a:rPr lang="en-US" sz="2400" dirty="0" err="1"/>
              <a:t>gastsprekers</a:t>
            </a:r>
            <a:endParaRPr lang="en-US" sz="2400" dirty="0"/>
          </a:p>
          <a:p>
            <a:pPr marL="457200" indent="-457200">
              <a:lnSpc>
                <a:spcPct val="150000"/>
              </a:lnSpc>
            </a:pPr>
            <a:r>
              <a:rPr lang="en-US" sz="2400" b="1" dirty="0" err="1"/>
              <a:t>Persoonlijke</a:t>
            </a:r>
            <a:r>
              <a:rPr lang="en-US" sz="2400" b="1" dirty="0"/>
              <a:t> </a:t>
            </a:r>
            <a:r>
              <a:rPr lang="en-US" sz="2400" b="1" dirty="0" err="1"/>
              <a:t>benadering</a:t>
            </a:r>
            <a:r>
              <a:rPr lang="en-US" sz="2400" b="1" dirty="0"/>
              <a:t>: </a:t>
            </a:r>
            <a:r>
              <a:rPr lang="en-US" sz="2400" dirty="0" err="1"/>
              <a:t>kleine</a:t>
            </a:r>
            <a:r>
              <a:rPr lang="en-US" sz="2400" dirty="0"/>
              <a:t> </a:t>
            </a:r>
            <a:r>
              <a:rPr lang="en-US" sz="2400" dirty="0" err="1"/>
              <a:t>werkgroepen</a:t>
            </a:r>
            <a:r>
              <a:rPr lang="en-US" sz="2400" dirty="0"/>
              <a:t>, </a:t>
            </a:r>
            <a:r>
              <a:rPr lang="en-US" sz="2400" dirty="0" err="1"/>
              <a:t>veel</a:t>
            </a:r>
            <a:r>
              <a:rPr lang="en-US" sz="2400" dirty="0"/>
              <a:t> </a:t>
            </a:r>
            <a:r>
              <a:rPr lang="en-US" sz="2400" dirty="0" err="1"/>
              <a:t>opdrachten</a:t>
            </a:r>
            <a:r>
              <a:rPr lang="en-US" sz="2400" dirty="0"/>
              <a:t>, </a:t>
            </a:r>
            <a:r>
              <a:rPr lang="en-US" sz="2400" dirty="0" err="1"/>
              <a:t>samenwerken</a:t>
            </a:r>
            <a:endParaRPr lang="en-US" sz="2400" dirty="0"/>
          </a:p>
          <a:p>
            <a:pPr marL="457200" indent="-457200">
              <a:lnSpc>
                <a:spcPct val="150000"/>
              </a:lnSpc>
            </a:pPr>
            <a:r>
              <a:rPr lang="en-US" sz="2400" b="1" dirty="0" err="1"/>
              <a:t>Keuzevrijheid</a:t>
            </a:r>
            <a:r>
              <a:rPr lang="en-US" sz="2400" dirty="0"/>
              <a:t> in semester II </a:t>
            </a:r>
          </a:p>
          <a:p>
            <a:endParaRPr lang="nl-NL" sz="1700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4BC058-B10F-528A-255B-C458FFF7755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E6A67CD-2F31-C7CE-2732-88E598D76F2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8</a:t>
            </a:fld>
            <a:endParaRPr lang="nl-NL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349EE4D8-0A7E-2AAE-3A39-691F9FE8D2CD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72264" y="2261383"/>
            <a:ext cx="3518563" cy="26389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122199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build="p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PRESENTER" val="42456d2f5f5351937ece8a3df1ccd7879d11180"/>
</p:tagLst>
</file>

<file path=ppt/theme/theme1.xml><?xml version="1.0" encoding="utf-8"?>
<a:theme xmlns:a="http://schemas.openxmlformats.org/drawingml/2006/main" name="blank">
  <a:themeElements>
    <a:clrScheme name="UvAFGW">
      <a:dk1>
        <a:srgbClr val="000000"/>
      </a:dk1>
      <a:lt1>
        <a:srgbClr val="FFFFFF"/>
      </a:lt1>
      <a:dk2>
        <a:srgbClr val="1F1D21"/>
      </a:dk2>
      <a:lt2>
        <a:srgbClr val="FFFFFF"/>
      </a:lt2>
      <a:accent1>
        <a:srgbClr val="004E92"/>
      </a:accent1>
      <a:accent2>
        <a:srgbClr val="BEB511"/>
      </a:accent2>
      <a:accent3>
        <a:srgbClr val="90003E"/>
      </a:accent3>
      <a:accent4>
        <a:srgbClr val="257835"/>
      </a:accent4>
      <a:accent5>
        <a:srgbClr val="004E92"/>
      </a:accent5>
      <a:accent6>
        <a:srgbClr val="E98300"/>
      </a:accent6>
      <a:hlink>
        <a:srgbClr val="009CDD"/>
      </a:hlink>
      <a:folHlink>
        <a:srgbClr val="954F72"/>
      </a:folHlink>
    </a:clrScheme>
    <a:fontScheme name="Custom 1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lank.potx" id="{C320AE6F-90B4-4125-A65F-D68B28BE3E91}" vid="{F76EC411-5263-4E01-8EF3-9F95488A7442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525" row="2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C0FC1E5F-FF29-4ABA-9D0F-6AA465EE8A31}">
  <we:reference id="f1abd87f-a3ba-42fb-91d5-100000000000" version="1.0.0.6" store="EXCatalog" storeType="EXCatalog"/>
  <we:alternateReferences>
    <we:reference id="WA104380278" version="1.0.0.6" store="nl-NL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9ac60f99-b80d-4a4b-8add-08811498b582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fff058b3-5c2e-45f3-a132-9a4651260861","elementConfiguration":{"format":"{{DateFormats.CustomE}}","binding":"Form.Date","visibility":{"action":"hide","binding":"Form.ShowDate","operator":"equals","compareValue":"false"},"disableUpdates":false,"type":"date"}},{"type":"shape","id":"00f308bb-2f78-4d08-b95c-51474d49439e","elementConfiguration":{"format":"{{DateFormats.CustomE}}","binding":"Form.Date","visibility":{"action":"hide","binding":"Form.ShowDate","operator":"equals","compareValue":"false"},"disableUpdates":false,"type":"date"}},{"type":"shape","id":"e1fa598a-1152-4076-8f92-8d39efba167a","elementConfiguration":{"inheritDimensions":"inheritNone","width":"16.94 cm","height":"19.05 cm","binding":"UserProfile.Units.DefaultImage2022","disableUpdates":false,"type":"image"}},{"type":"shape","id":"2532e54d-6407-4974-9d5e-8de214fe6611","elementConfiguration":{"format":"{{DateFormats.CustomE}}","binding":"Form.Date","visibility":{"action":"hide","binding":"Form.ShowDate","operator":"equals","compareValue":"false"},"disableUpdates":false,"type":"date"}},{"type":"shape","id":"c371747f-54f8-4df2-b9da-9c68ec8432a5","elementConfiguration":{"binding":"Form.Presenter","disableUpdates":false,"type":"text"}},{"type":"shape","id":"70611f03-a21e-47bd-8002-97ef86b8e9ec","elementConfiguration":{"format":"{{DateFormats.CustomE}}","binding":"Form.Date","visibility":{"action":"hide","binding":"Form.ShowDate","operator":"equals","compareValue":"false"},"disableUpdates":false,"type":"date"}},{"type":"shape","id":"6951d0b3-6b2a-4179-9d40-aee0cb34b624","elementConfiguration":{"inheritDimensions":"inheritNone","width":"","height":"{{UserProfile.Divisions.LogoPowerPointHeightNew}}","binding":"UserProfile.Divisions.LogoWord","disableUpdates":false,"type":"image"}}],"transformationConfigurations":[{"colorTheme":"{{UserProfile.Units.ColourTheme}}","originalColorThemeXml":"<a:clrScheme name=\"UvA\" xmlns:a=\"http://schemas.openxmlformats.org/drawingml/2006/main\"><a:dk1><a:srgbClr val=\"000000\" /></a:dk1><a:lt1><a:srgbClr val=\"FFFFFF\" /></a:lt1><a:dk2><a:srgbClr val=\"000000\" /></a:dk2><a:lt2><a:srgbClr val=\"FFFFFF\" /></a:lt2><a:accent1><a:srgbClr val=\"1F1D21\" /></a:accent1><a:accent2><a:srgbClr val=\"BC0031\" /></a:accent2><a:accent3><a:srgbClr val=\"E98300\" /></a:accent3><a:accent4><a:srgbClr val=\"257835\" /></a:accent4><a:accent5><a:srgbClr val=\"BEB511\" /></a:accent5><a:accent6><a:srgbClr val=\"751B68\" /></a:accent6><a:hlink><a:srgbClr val=\"004E92\" /></a:hlink><a:folHlink><a:srgbClr val=\"2AA5D0\" /></a:folHlink></a:clrScheme>","disableUpdates":false,"type":"colorTheme"},{"language":"{{DocumentLanguage}}","disableUpdates":false,"type":"proofingLanguage"}],"templateName":"","templateDescription":"","enableDocumentContentUpdater":true,"version":"1.7"}]]></Templafy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189121280514144","enableDocumentContentUpdater":true,"version":"1.7"}]]></TemplafySlideTemplate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placeholder":"","lines":0,"defaultValue":"{{UserProfile.Name}}","helpTexts":{"prefix":"","postfix":""},"spacing":{},"type":"textBox","name":"Presenter","label":"Presenter","fullyQualifiedName":"Presenter"},{"required":false,"helpTexts":{"prefix":"","postfix":""},"spacing":{},"type":"datePicker","name":"Date","label":"Datum | Date","fullyQualifiedName":"Date"},{"defaultValue":"true","helpTexts":{"prefix":"","postfix":""},"spacing":{},"type":"checkBox","name":"ShowDate","label":"Show date","fullyQualifiedName":"ShowDate"}],"formDataEntries":[{"name":"Presenter","value":"Lyj3h2OzRHHBKOQ7wEYzMg=="},{"name":"Date","value":"j4LHrx84fxlgfocCWl1nNQ=="},{"name":"ShowDate","value":"k/iFY14ctKG9J7fNVWXBww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b9e4800e-550a-4664-b739-51f4091b61c8" xsi:nil="true"/>
    <lcf76f155ced4ddcb4097134ff3c332f xmlns="0ba0a66d-d0f9-47cd-8e3e-68bb350750de">
      <Terms xmlns="http://schemas.microsoft.com/office/infopath/2007/PartnerControls"/>
    </lcf76f155ced4ddcb4097134ff3c332f>
  </documentManagement>
</p:properties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111542918247062","enableDocumentContentUpdater":true,"version":"1.7"}]]></TemplafySlideTemplate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ED7C8B4FEBC20409B1FB0BCA65EDBC1" ma:contentTypeVersion="18" ma:contentTypeDescription="Een nieuw document maken." ma:contentTypeScope="" ma:versionID="590161427518ec91fa5989da6ebf5d71">
  <xsd:schema xmlns:xsd="http://www.w3.org/2001/XMLSchema" xmlns:xs="http://www.w3.org/2001/XMLSchema" xmlns:p="http://schemas.microsoft.com/office/2006/metadata/properties" xmlns:ns2="0ba0a66d-d0f9-47cd-8e3e-68bb350750de" xmlns:ns3="b9e4800e-550a-4664-b739-51f4091b61c8" targetNamespace="http://schemas.microsoft.com/office/2006/metadata/properties" ma:root="true" ma:fieldsID="6107b79f361a89f6303aa33c8b48213e" ns2:_="" ns3:_="">
    <xsd:import namespace="0ba0a66d-d0f9-47cd-8e3e-68bb350750de"/>
    <xsd:import namespace="b9e4800e-550a-4664-b739-51f4091b61c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ba0a66d-d0f9-47cd-8e3e-68bb350750d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Afbeeldingtags" ma:readOnly="false" ma:fieldId="{5cf76f15-5ced-4ddc-b409-7134ff3c332f}" ma:taxonomyMulti="true" ma:sspId="99b6ca76-abda-4f5c-bf70-6374a71c10d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9e4800e-550a-4664-b739-51f4091b61c8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109a07e8-6055-4969-b643-2ba440b25212}" ma:internalName="TaxCatchAll" ma:showField="CatchAllData" ma:web="b9e4800e-550a-4664-b739-51f4091b61c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970973110595956","enableDocumentContentUpdater":true,"version":"1.7"}]]></TemplafySlideTemplateConfiguration>
</file>

<file path=customXml/itemProps1.xml><?xml version="1.0" encoding="utf-8"?>
<ds:datastoreItem xmlns:ds="http://schemas.openxmlformats.org/officeDocument/2006/customXml" ds:itemID="{9A6AD133-282B-4D50-906D-72855430297F}">
  <ds:schemaRefs/>
</ds:datastoreItem>
</file>

<file path=customXml/itemProps10.xml><?xml version="1.0" encoding="utf-8"?>
<ds:datastoreItem xmlns:ds="http://schemas.openxmlformats.org/officeDocument/2006/customXml" ds:itemID="{D9929270-32E2-431D-BD42-88632E9E03A8}">
  <ds:schemaRefs/>
</ds:datastoreItem>
</file>

<file path=customXml/itemProps11.xml><?xml version="1.0" encoding="utf-8"?>
<ds:datastoreItem xmlns:ds="http://schemas.openxmlformats.org/officeDocument/2006/customXml" ds:itemID="{DE43096C-87D5-4153-9D7A-AB5DD24F1D93}">
  <ds:schemaRefs/>
</ds:datastoreItem>
</file>

<file path=customXml/itemProps12.xml><?xml version="1.0" encoding="utf-8"?>
<ds:datastoreItem xmlns:ds="http://schemas.openxmlformats.org/officeDocument/2006/customXml" ds:itemID="{E740B4EE-7306-4015-AD25-B4E5484321A5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FC6E8478-2A76-4C8F-838D-17F8E90A0B6A}">
  <ds:schemaRefs/>
</ds:datastoreItem>
</file>

<file path=customXml/itemProps2.xml><?xml version="1.0" encoding="utf-8"?>
<ds:datastoreItem xmlns:ds="http://schemas.openxmlformats.org/officeDocument/2006/customXml" ds:itemID="{E8D205EF-AF8E-4348-9EA2-8D27FC02B397}">
  <ds:schemaRefs/>
</ds:datastoreItem>
</file>

<file path=customXml/itemProps3.xml><?xml version="1.0" encoding="utf-8"?>
<ds:datastoreItem xmlns:ds="http://schemas.openxmlformats.org/officeDocument/2006/customXml" ds:itemID="{DE36CFCE-E1F1-4011-8764-F239A08437EF}">
  <ds:schemaRefs/>
</ds:datastoreItem>
</file>

<file path=customXml/itemProps4.xml><?xml version="1.0" encoding="utf-8"?>
<ds:datastoreItem xmlns:ds="http://schemas.openxmlformats.org/officeDocument/2006/customXml" ds:itemID="{69DA0326-C6F9-40A3-894F-6061EE46E132}">
  <ds:schemaRefs>
    <ds:schemaRef ds:uri="http://schemas.microsoft.com/office/2006/documentManagement/types"/>
    <ds:schemaRef ds:uri="http://purl.org/dc/terms/"/>
    <ds:schemaRef ds:uri="http://purl.org/dc/dcmitype/"/>
    <ds:schemaRef ds:uri="22a3f1e7-1ad8-4567-967d-700183da1d1b"/>
    <ds:schemaRef ds:uri="http://purl.org/dc/elements/1.1/"/>
    <ds:schemaRef ds:uri="aacb7df8-672f-46f2-977f-893ce5cef86b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http://schemas.microsoft.com/sharepoint/v3"/>
    <ds:schemaRef ds:uri="http://schemas.microsoft.com/office/2006/metadata/properties"/>
  </ds:schemaRefs>
</ds:datastoreItem>
</file>

<file path=customXml/itemProps5.xml><?xml version="1.0" encoding="utf-8"?>
<ds:datastoreItem xmlns:ds="http://schemas.openxmlformats.org/officeDocument/2006/customXml" ds:itemID="{C5FAD6CF-4404-4642-963D-08371611C208}">
  <ds:schemaRefs/>
</ds:datastoreItem>
</file>

<file path=customXml/itemProps6.xml><?xml version="1.0" encoding="utf-8"?>
<ds:datastoreItem xmlns:ds="http://schemas.openxmlformats.org/officeDocument/2006/customXml" ds:itemID="{1A4DA60A-7E3F-4450-BCB0-B768B3EE607E}">
  <ds:schemaRefs/>
</ds:datastoreItem>
</file>

<file path=customXml/itemProps7.xml><?xml version="1.0" encoding="utf-8"?>
<ds:datastoreItem xmlns:ds="http://schemas.openxmlformats.org/officeDocument/2006/customXml" ds:itemID="{D99CB6DC-819D-49C0-BC4C-072A54661D1F}">
  <ds:schemaRefs/>
</ds:datastoreItem>
</file>

<file path=customXml/itemProps8.xml><?xml version="1.0" encoding="utf-8"?>
<ds:datastoreItem xmlns:ds="http://schemas.openxmlformats.org/officeDocument/2006/customXml" ds:itemID="{28E84B27-0750-41CD-AAAB-12C83AD605E7}"/>
</file>

<file path=customXml/itemProps9.xml><?xml version="1.0" encoding="utf-8"?>
<ds:datastoreItem xmlns:ds="http://schemas.openxmlformats.org/officeDocument/2006/customXml" ds:itemID="{3EE9F2F9-D093-4128-99B2-F10398786D9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9BA9C52</Template>
  <TotalTime>491</TotalTime>
  <Words>574</Words>
  <Application>Microsoft Office PowerPoint</Application>
  <PresentationFormat>Breedbeeld</PresentationFormat>
  <Paragraphs>125</Paragraphs>
  <Slides>18</Slides>
  <Notes>18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4</vt:i4>
      </vt:variant>
      <vt:variant>
        <vt:lpstr>Thema</vt:lpstr>
      </vt:variant>
      <vt:variant>
        <vt:i4>1</vt:i4>
      </vt:variant>
      <vt:variant>
        <vt:lpstr>Diatitels</vt:lpstr>
      </vt:variant>
      <vt:variant>
        <vt:i4>18</vt:i4>
      </vt:variant>
    </vt:vector>
  </HeadingPairs>
  <TitlesOfParts>
    <vt:vector size="23" baseType="lpstr">
      <vt:lpstr>Arial</vt:lpstr>
      <vt:lpstr>Calibri</vt:lpstr>
      <vt:lpstr>Symbol</vt:lpstr>
      <vt:lpstr>Times New Roman</vt:lpstr>
      <vt:lpstr>blank</vt:lpstr>
      <vt:lpstr>PowerPoint-presentatie</vt:lpstr>
      <vt:lpstr>Inhoud</vt:lpstr>
      <vt:lpstr>Samenstelling</vt:lpstr>
      <vt:lpstr>Waarom de MA GIB, wat is ons doel?</vt:lpstr>
      <vt:lpstr>Hoe willen we dit bereiken?</vt:lpstr>
      <vt:lpstr>PowerPoint-presentatie</vt:lpstr>
      <vt:lpstr>PowerPoint-presentatie</vt:lpstr>
      <vt:lpstr>Hoe willen we dit inhoudelijk bereiken?</vt:lpstr>
      <vt:lpstr>Hoe willen dit praktisch bereiken?</vt:lpstr>
      <vt:lpstr>Geschiedenis en praktijk (semester I)</vt:lpstr>
      <vt:lpstr>Studieprogramma</vt:lpstr>
      <vt:lpstr>Keuzevakken </vt:lpstr>
      <vt:lpstr>Stages (optie in semester II)</vt:lpstr>
      <vt:lpstr>Carrièreperspectieven </vt:lpstr>
      <vt:lpstr>Specialismes docententeam </vt:lpstr>
      <vt:lpstr>Recente MA-scriptiethema’s</vt:lpstr>
      <vt:lpstr>Waar komen alumni terecht? </vt:lpstr>
      <vt:lpstr>Toelating</vt:lpstr>
    </vt:vector>
  </TitlesOfParts>
  <Manager>Chevelie Vermaning</Manager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Suzy Niamut</dc:creator>
  <dc:description>Deze invoegtoepassing bevat additionele hulpmiddelen voor UvA presentaties. _x000d_
version: 0.1- 2018 MAART, revision: 1340_x000d_
Last save date: 8-3-2018 12:52:14, last saved by: Martin Drenth</dc:description>
  <cp:lastModifiedBy>Rimko van der Maar</cp:lastModifiedBy>
  <cp:revision>68</cp:revision>
  <cp:lastPrinted>2023-02-13T14:09:34Z</cp:lastPrinted>
  <dcterms:created xsi:type="dcterms:W3CDTF">2023-01-10T12:54:11Z</dcterms:created>
  <dcterms:modified xsi:type="dcterms:W3CDTF">2024-11-06T13:28:05Z</dcterms:modified>
  <cp:version>0.1- 2018 MAART</cp:ver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5ED7C8B4FEBC20409B1FB0BCA65EDBC1</vt:lpwstr>
  </property>
  <property fmtid="{D5CDD505-2E9C-101B-9397-08002B2CF9AE}" pid="3" name="TemplafyTimeStamp">
    <vt:lpwstr>2022-11-04T09:48:05.8033851Z</vt:lpwstr>
  </property>
  <property fmtid="{D5CDD505-2E9C-101B-9397-08002B2CF9AE}" pid="4" name="MediaServiceImageTags">
    <vt:lpwstr/>
  </property>
  <property fmtid="{D5CDD505-2E9C-101B-9397-08002B2CF9AE}" pid="5" name="TemplafyTenantId">
    <vt:lpwstr>uva</vt:lpwstr>
  </property>
  <property fmtid="{D5CDD505-2E9C-101B-9397-08002B2CF9AE}" pid="6" name="TemplafyTemplateId">
    <vt:lpwstr>637939261274968034</vt:lpwstr>
  </property>
  <property fmtid="{D5CDD505-2E9C-101B-9397-08002B2CF9AE}" pid="7" name="TemplafyUserProfileId">
    <vt:lpwstr>637916796135360700</vt:lpwstr>
  </property>
  <property fmtid="{D5CDD505-2E9C-101B-9397-08002B2CF9AE}" pid="8" name="TemplafyLanguageCode">
    <vt:lpwstr>nl-NL</vt:lpwstr>
  </property>
</Properties>
</file>